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3582\デスクトップ\"/>
    </mc:Choice>
  </mc:AlternateContent>
  <bookViews>
    <workbookView xWindow="0" yWindow="0" windowWidth="19170" windowHeight="10215"/>
  </bookViews>
  <sheets>
    <sheet name="標準的な様式" sheetId="29" r:id="rId1"/>
    <sheet name="プルダウンリスト" sheetId="16" state="hidden" r:id="rId2"/>
    <sheet name="記載要領" sheetId="26" r:id="rId3"/>
  </sheets>
  <definedNames>
    <definedName name="_xlnm._FilterDatabase" localSheetId="0" hidden="1">標準的な様式!$B$13:$AK$56</definedName>
    <definedName name="_xlnm.Print_Area" localSheetId="1">プルダウンリスト!$A$1:$O$109</definedName>
    <definedName name="_xlnm.Print_Area" localSheetId="2">記載要領!$A$1:$E$48</definedName>
    <definedName name="_xlnm.Print_Area" localSheetId="0">標準的な様式!$B$1:$AL$56</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2" i="16" l="1"/>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4" i="16"/>
  <c r="F3" i="16" s="1"/>
  <c r="E2" i="16"/>
  <c r="E3" i="16" s="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2" i="16"/>
  <c r="D3" i="16" s="1"/>
  <c r="D4" i="16" s="1"/>
  <c r="D5" i="16" s="1"/>
  <c r="D6" i="16" s="1"/>
  <c r="D7" i="16" s="1"/>
  <c r="D8" i="16" s="1"/>
  <c r="D9" i="16" s="1"/>
  <c r="D10" i="16" s="1"/>
  <c r="D11" i="16" s="1"/>
  <c r="D12" i="16" s="1"/>
  <c r="D13" i="16" s="1"/>
  <c r="D14" i="16" s="1"/>
  <c r="D15" i="16" s="1"/>
  <c r="D16" i="16" s="1"/>
  <c r="D17" i="16" s="1"/>
  <c r="D18" i="16" s="1"/>
  <c r="D19" i="16" s="1"/>
  <c r="D20" i="16" s="1"/>
  <c r="F5" i="16" l="1"/>
  <c r="F6" i="16" s="1"/>
  <c r="F7" i="16" s="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2" i="16"/>
</calcChain>
</file>

<file path=xl/sharedStrings.xml><?xml version="1.0" encoding="utf-8"?>
<sst xmlns="http://schemas.openxmlformats.org/spreadsheetml/2006/main" count="453" uniqueCount="222">
  <si>
    <t>就労証明書</t>
    <phoneticPr fontId="2"/>
  </si>
  <si>
    <t>宛</t>
    <rPh sb="0" eb="1">
      <t>アテ</t>
    </rPh>
    <phoneticPr fontId="2"/>
  </si>
  <si>
    <t>証明日</t>
    <rPh sb="0" eb="2">
      <t>ショウメイ</t>
    </rPh>
    <rPh sb="2" eb="3">
      <t>ビ</t>
    </rPh>
    <phoneticPr fontId="2"/>
  </si>
  <si>
    <t>西暦</t>
    <rPh sb="0" eb="2">
      <t>セイレキ</t>
    </rPh>
    <phoneticPr fontId="2"/>
  </si>
  <si>
    <t>年</t>
    <rPh sb="0" eb="1">
      <t>ネン</t>
    </rPh>
    <phoneticPr fontId="2"/>
  </si>
  <si>
    <t>月</t>
    <rPh sb="0" eb="1">
      <t>ガツ</t>
    </rPh>
    <phoneticPr fontId="2"/>
  </si>
  <si>
    <t>日</t>
    <rPh sb="0" eb="1">
      <t>ニチ</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t>
    <phoneticPr fontId="2"/>
  </si>
  <si>
    <t>担当者名</t>
    <rPh sb="0" eb="3">
      <t>タントウシャ</t>
    </rPh>
    <rPh sb="3" eb="4">
      <t>メイ</t>
    </rPh>
    <phoneticPr fontId="2"/>
  </si>
  <si>
    <t>記載者連絡先</t>
    <rPh sb="0" eb="2">
      <t>キサイ</t>
    </rPh>
    <rPh sb="2" eb="3">
      <t>シャ</t>
    </rPh>
    <rPh sb="3" eb="6">
      <t>レンラクサキ</t>
    </rPh>
    <phoneticPr fontId="2"/>
  </si>
  <si>
    <t>下記の内容について、事実であることを証明いたします。</t>
    <rPh sb="0" eb="2">
      <t>カキ</t>
    </rPh>
    <rPh sb="3" eb="5">
      <t>ナイヨウ</t>
    </rPh>
    <rPh sb="10" eb="12">
      <t>ジジツ</t>
    </rPh>
    <rPh sb="18" eb="20">
      <t>ショウメイ</t>
    </rPh>
    <phoneticPr fontId="2"/>
  </si>
  <si>
    <t>※本証明書の内容について、就労先事業者等に無断で作成し又は改変を行ったときには、刑法上の罪に問われる場合があります。</t>
    <phoneticPr fontId="2"/>
  </si>
  <si>
    <t>No.</t>
    <phoneticPr fontId="2"/>
  </si>
  <si>
    <t>項目</t>
    <rPh sb="0" eb="2">
      <t>コウモク</t>
    </rPh>
    <phoneticPr fontId="2"/>
  </si>
  <si>
    <t>記載欄</t>
    <rPh sb="0" eb="2">
      <t>キサイ</t>
    </rPh>
    <rPh sb="2" eb="3">
      <t>ラン</t>
    </rPh>
    <phoneticPr fontId="2"/>
  </si>
  <si>
    <t>業種</t>
    <rPh sb="0" eb="2">
      <t>ギョウシュ</t>
    </rPh>
    <phoneticPr fontId="2"/>
  </si>
  <si>
    <t>□</t>
  </si>
  <si>
    <t>農業・林業</t>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t>
  </si>
  <si>
    <t>宿泊業・飲食サービス業</t>
  </si>
  <si>
    <t>生活関連サービス業・娯楽業</t>
  </si>
  <si>
    <t>医療・福祉</t>
  </si>
  <si>
    <t>教育・学習支援業</t>
    <phoneticPr fontId="2"/>
  </si>
  <si>
    <t>複合サービス事業</t>
  </si>
  <si>
    <t>公務</t>
  </si>
  <si>
    <t>その他（</t>
    <phoneticPr fontId="2"/>
  </si>
  <si>
    <t>）</t>
    <phoneticPr fontId="2"/>
  </si>
  <si>
    <t>フリガナ</t>
    <phoneticPr fontId="2"/>
  </si>
  <si>
    <t>本人氏名</t>
    <rPh sb="0" eb="2">
      <t>ホンニン</t>
    </rPh>
    <rPh sb="2" eb="4">
      <t>シメイ</t>
    </rPh>
    <phoneticPr fontId="2"/>
  </si>
  <si>
    <t>生年
月日</t>
    <phoneticPr fontId="2"/>
  </si>
  <si>
    <t>年</t>
    <phoneticPr fontId="2"/>
  </si>
  <si>
    <t>日</t>
    <phoneticPr fontId="2"/>
  </si>
  <si>
    <t>雇用(予定)期間等</t>
    <rPh sb="0" eb="2">
      <t>コヨウ</t>
    </rPh>
    <rPh sb="3" eb="5">
      <t>ヨテイ</t>
    </rPh>
    <rPh sb="6" eb="8">
      <t>キカン</t>
    </rPh>
    <rPh sb="8" eb="9">
      <t>トウ</t>
    </rPh>
    <phoneticPr fontId="2"/>
  </si>
  <si>
    <t>無期</t>
    <rPh sb="0" eb="2">
      <t>ムキ</t>
    </rPh>
    <phoneticPr fontId="2"/>
  </si>
  <si>
    <t>有期</t>
    <rPh sb="0" eb="2">
      <t>ユウキ</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t>
    <phoneticPr fontId="2"/>
  </si>
  <si>
    <t>本人就労先事業所</t>
    <rPh sb="0" eb="2">
      <t>ホンニン</t>
    </rPh>
    <phoneticPr fontId="2"/>
  </si>
  <si>
    <t>名称</t>
    <rPh sb="0" eb="2">
      <t>メイショウ</t>
    </rPh>
    <phoneticPr fontId="2"/>
  </si>
  <si>
    <t>住所</t>
    <rPh sb="0" eb="2">
      <t>ジュウショ</t>
    </rPh>
    <phoneticPr fontId="2"/>
  </si>
  <si>
    <t>雇用の形態</t>
    <rPh sb="0" eb="2">
      <t>コヨウ</t>
    </rPh>
    <rPh sb="3" eb="5">
      <t>ケイタイ</t>
    </rPh>
    <phoneticPr fontId="2"/>
  </si>
  <si>
    <t>正社員</t>
    <phoneticPr fontId="2"/>
  </si>
  <si>
    <t>パート・アルバイト</t>
    <phoneticPr fontId="2"/>
  </si>
  <si>
    <t>派遣社員</t>
  </si>
  <si>
    <t>契約社員</t>
  </si>
  <si>
    <t>会計年度任用職員</t>
  </si>
  <si>
    <t>非常勤・臨時職員</t>
  </si>
  <si>
    <t>役員</t>
  </si>
  <si>
    <t>自営業主</t>
    <phoneticPr fontId="2"/>
  </si>
  <si>
    <t>自営業専従者</t>
    <phoneticPr fontId="2"/>
  </si>
  <si>
    <t>家族従業者</t>
  </si>
  <si>
    <t>内職</t>
  </si>
  <si>
    <t>業務委託</t>
    <rPh sb="0" eb="4">
      <t>ギョウムイタク</t>
    </rPh>
    <phoneticPr fontId="2"/>
  </si>
  <si>
    <t>その他(</t>
    <phoneticPr fontId="2"/>
  </si>
  <si>
    <t>)</t>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t>月</t>
    <rPh sb="0" eb="1">
      <t>ゲツ</t>
    </rPh>
    <phoneticPr fontId="2"/>
  </si>
  <si>
    <t>火</t>
    <rPh sb="0" eb="1">
      <t>カ</t>
    </rPh>
    <phoneticPr fontId="2"/>
  </si>
  <si>
    <t>水</t>
    <rPh sb="0" eb="1">
      <t>スイ</t>
    </rPh>
    <phoneticPr fontId="2"/>
  </si>
  <si>
    <t>木</t>
    <rPh sb="0" eb="1">
      <t>モク</t>
    </rPh>
    <phoneticPr fontId="2"/>
  </si>
  <si>
    <t>金</t>
    <rPh sb="0" eb="1">
      <t>キン</t>
    </rPh>
    <phoneticPr fontId="2"/>
  </si>
  <si>
    <t>土</t>
    <rPh sb="0" eb="1">
      <t>ド</t>
    </rPh>
    <phoneticPr fontId="2"/>
  </si>
  <si>
    <t>祝日</t>
    <phoneticPr fontId="2"/>
  </si>
  <si>
    <t>合計
時間</t>
    <phoneticPr fontId="2"/>
  </si>
  <si>
    <t>月間</t>
    <rPh sb="0" eb="2">
      <t>ゲッカン</t>
    </rPh>
    <phoneticPr fontId="2"/>
  </si>
  <si>
    <t>時間</t>
    <rPh sb="0" eb="2">
      <t>ジカン</t>
    </rPh>
    <phoneticPr fontId="2"/>
  </si>
  <si>
    <t>分</t>
    <rPh sb="0" eb="1">
      <t>フン</t>
    </rPh>
    <phoneticPr fontId="2"/>
  </si>
  <si>
    <r>
      <t>（</t>
    </r>
    <r>
      <rPr>
        <sz val="12"/>
        <color rgb="FF000000"/>
        <rFont val="ＭＳ Ｐゴシック"/>
        <family val="3"/>
        <charset val="128"/>
      </rPr>
      <t>うち休憩時間</t>
    </r>
    <rPh sb="3" eb="5">
      <t>キュウケイ</t>
    </rPh>
    <rPh sb="5" eb="7">
      <t>ジカン</t>
    </rPh>
    <phoneticPr fontId="2"/>
  </si>
  <si>
    <t>分）</t>
    <rPh sb="0" eb="1">
      <t>フン</t>
    </rPh>
    <phoneticPr fontId="2"/>
  </si>
  <si>
    <t>一月当たりの就労日数</t>
    <rPh sb="0" eb="2">
      <t>ヒトツキ</t>
    </rPh>
    <rPh sb="2" eb="3">
      <t>ア</t>
    </rPh>
    <rPh sb="6" eb="8">
      <t>シュウロウ</t>
    </rPh>
    <rPh sb="8" eb="10">
      <t>ニッスウ</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平日</t>
    <rPh sb="0" eb="2">
      <t>ヘイジツ</t>
    </rPh>
    <phoneticPr fontId="2"/>
  </si>
  <si>
    <t>時</t>
    <rPh sb="0" eb="1">
      <t>ジ</t>
    </rPh>
    <phoneticPr fontId="2"/>
  </si>
  <si>
    <t>土曜</t>
    <rPh sb="0" eb="2">
      <t>ドヨウ</t>
    </rPh>
    <phoneticPr fontId="2"/>
  </si>
  <si>
    <r>
      <t>（</t>
    </r>
    <r>
      <rPr>
        <sz val="12"/>
        <rFont val="ＭＳ Ｐゴシック"/>
        <family val="3"/>
        <charset val="128"/>
      </rPr>
      <t>うち休憩時間</t>
    </r>
    <rPh sb="3" eb="5">
      <t>キュウケイ</t>
    </rPh>
    <rPh sb="5" eb="7">
      <t>ジカン</t>
    </rPh>
    <phoneticPr fontId="2"/>
  </si>
  <si>
    <t>日祝</t>
    <rPh sb="0" eb="1">
      <t>ニチ</t>
    </rPh>
    <rPh sb="1" eb="2">
      <t>シュク</t>
    </rPh>
    <phoneticPr fontId="2"/>
  </si>
  <si>
    <r>
      <t xml:space="preserve">就労時間
</t>
    </r>
    <r>
      <rPr>
        <sz val="12"/>
        <rFont val="ＭＳ Ｐゴシック"/>
        <family val="3"/>
        <charset val="128"/>
      </rPr>
      <t>(変則就労の場合)</t>
    </r>
    <phoneticPr fontId="2"/>
  </si>
  <si>
    <t>合計時間</t>
    <rPh sb="0" eb="2">
      <t>ゴウケイ</t>
    </rPh>
    <rPh sb="2" eb="4">
      <t>ジカン</t>
    </rPh>
    <phoneticPr fontId="2"/>
  </si>
  <si>
    <r>
      <t>（</t>
    </r>
    <r>
      <rPr>
        <sz val="12"/>
        <color theme="1"/>
        <rFont val="ＭＳ Ｐゴシック"/>
        <family val="3"/>
        <charset val="128"/>
      </rPr>
      <t>うち休憩時間</t>
    </r>
    <rPh sb="3" eb="5">
      <t>キュウケイ</t>
    </rPh>
    <rPh sb="5" eb="7">
      <t>ジカン</t>
    </rPh>
    <phoneticPr fontId="2"/>
  </si>
  <si>
    <t>就労日数</t>
    <phoneticPr fontId="2"/>
  </si>
  <si>
    <t>主な就労時間帯
・シフト時間帯</t>
    <rPh sb="0" eb="1">
      <t>オモ</t>
    </rPh>
    <rPh sb="2" eb="4">
      <t>シュウロウ</t>
    </rPh>
    <rPh sb="4" eb="6">
      <t>ジカン</t>
    </rPh>
    <rPh sb="6" eb="7">
      <t>タイ</t>
    </rPh>
    <rPh sb="12" eb="14">
      <t>ジカン</t>
    </rPh>
    <rPh sb="14" eb="15">
      <t>タイ</t>
    </rPh>
    <phoneticPr fontId="2"/>
  </si>
  <si>
    <t>時</t>
    <rPh sb="0" eb="1">
      <t>トキ</t>
    </rPh>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t>年月</t>
    <rPh sb="0" eb="2">
      <t>ネンゲツ</t>
    </rPh>
    <phoneticPr fontId="2"/>
  </si>
  <si>
    <t>日／月</t>
    <phoneticPr fontId="2"/>
  </si>
  <si>
    <t>時間／月</t>
    <rPh sb="0" eb="2">
      <t>ジカン</t>
    </rPh>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t>□</t>
    <phoneticPr fontId="2"/>
  </si>
  <si>
    <t>取得予定</t>
    <rPh sb="0" eb="4">
      <t>シュトクヨテイ</t>
    </rPh>
    <phoneticPr fontId="2"/>
  </si>
  <si>
    <t>取得中</t>
    <rPh sb="0" eb="3">
      <t>シュトクチュウ</t>
    </rPh>
    <phoneticPr fontId="2"/>
  </si>
  <si>
    <t>期間</t>
    <rPh sb="0" eb="2">
      <t>キカン</t>
    </rPh>
    <phoneticPr fontId="2"/>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t>取得済み</t>
    <rPh sb="0" eb="3">
      <t>シュトクズ</t>
    </rPh>
    <phoneticPr fontId="2"/>
  </si>
  <si>
    <t>産休・育休以外の休業の
取得</t>
    <rPh sb="0" eb="2">
      <t>サンキュウ</t>
    </rPh>
    <rPh sb="3" eb="5">
      <t>イクキュウ</t>
    </rPh>
    <rPh sb="5" eb="7">
      <t>イガイ</t>
    </rPh>
    <rPh sb="8" eb="10">
      <t>キュウギョウ</t>
    </rPh>
    <rPh sb="12" eb="14">
      <t>シュトク</t>
    </rPh>
    <phoneticPr fontId="2"/>
  </si>
  <si>
    <t>理由</t>
    <rPh sb="0" eb="2">
      <t>リユウ</t>
    </rPh>
    <phoneticPr fontId="2"/>
  </si>
  <si>
    <t>介護休業</t>
    <rPh sb="0" eb="2">
      <t>カイゴ</t>
    </rPh>
    <rPh sb="2" eb="4">
      <t>キュウギョウ</t>
    </rPh>
    <phoneticPr fontId="2"/>
  </si>
  <si>
    <t>病休</t>
    <rPh sb="0" eb="2">
      <t>ビョウキュウ</t>
    </rPh>
    <phoneticPr fontId="2"/>
  </si>
  <si>
    <t>その他（</t>
    <rPh sb="2" eb="3">
      <t>タ</t>
    </rPh>
    <phoneticPr fontId="2"/>
  </si>
  <si>
    <t>復職（予定）年月日</t>
    <rPh sb="0" eb="2">
      <t>フクショク</t>
    </rPh>
    <rPh sb="3" eb="5">
      <t>ヨテイ</t>
    </rPh>
    <rPh sb="6" eb="9">
      <t>ネンガッピ</t>
    </rPh>
    <phoneticPr fontId="2"/>
  </si>
  <si>
    <t>復職予定</t>
    <rPh sb="0" eb="4">
      <t>フクショクヨテイ</t>
    </rPh>
    <phoneticPr fontId="2"/>
  </si>
  <si>
    <t>復職済み</t>
    <rPh sb="0" eb="3">
      <t>フクショクズ</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t>保育士等としての勤務実態の有無</t>
    <phoneticPr fontId="2"/>
  </si>
  <si>
    <t>有</t>
    <rPh sb="0" eb="1">
      <t>ア</t>
    </rPh>
    <phoneticPr fontId="2"/>
  </si>
  <si>
    <t>有（予定）</t>
    <rPh sb="0" eb="1">
      <t>ア</t>
    </rPh>
    <rPh sb="2" eb="4">
      <t>ヨテイ</t>
    </rPh>
    <phoneticPr fontId="2"/>
  </si>
  <si>
    <t>無</t>
    <rPh sb="0" eb="1">
      <t>ナ</t>
    </rPh>
    <phoneticPr fontId="2"/>
  </si>
  <si>
    <t>未定</t>
    <rPh sb="0" eb="2">
      <t>ミテイ</t>
    </rPh>
    <phoneticPr fontId="2"/>
  </si>
  <si>
    <t>（雇用契約の）満了後の
更新の有無</t>
    <phoneticPr fontId="2"/>
  </si>
  <si>
    <t>入所内定時育休短縮可否</t>
    <rPh sb="0" eb="2">
      <t>ニュウショ</t>
    </rPh>
    <rPh sb="2" eb="5">
      <t>ナイテイジ</t>
    </rPh>
    <rPh sb="5" eb="7">
      <t>イクキュウ</t>
    </rPh>
    <rPh sb="7" eb="11">
      <t>タンシュクカヒ</t>
    </rPh>
    <phoneticPr fontId="2"/>
  </si>
  <si>
    <t>可</t>
  </si>
  <si>
    <t>可（予定）</t>
  </si>
  <si>
    <t>否</t>
  </si>
  <si>
    <t>育休延長可否</t>
    <rPh sb="0" eb="2">
      <t>イクキュウ</t>
    </rPh>
    <rPh sb="2" eb="6">
      <t>エンチョウカヒ</t>
    </rPh>
    <phoneticPr fontId="2"/>
  </si>
  <si>
    <t>単身赴任期間（予定含む）</t>
    <phoneticPr fontId="2"/>
  </si>
  <si>
    <t>備考欄</t>
    <rPh sb="0" eb="2">
      <t>ビコウ</t>
    </rPh>
    <rPh sb="2" eb="3">
      <t>ラン</t>
    </rPh>
    <phoneticPr fontId="2"/>
  </si>
  <si>
    <t>保護者記載欄</t>
    <rPh sb="0" eb="3">
      <t>ホゴシャ</t>
    </rPh>
    <rPh sb="3" eb="6">
      <t>キサイラン</t>
    </rPh>
    <phoneticPr fontId="2"/>
  </si>
  <si>
    <t>児童名</t>
  </si>
  <si>
    <t>生年月日</t>
    <rPh sb="0" eb="4">
      <t>セイネンガッピ</t>
    </rPh>
    <phoneticPr fontId="2"/>
  </si>
  <si>
    <t>施設名</t>
    <rPh sb="0" eb="2">
      <t>シセツ</t>
    </rPh>
    <rPh sb="2" eb="3">
      <t>メイ</t>
    </rPh>
    <phoneticPr fontId="2"/>
  </si>
  <si>
    <t>利用中</t>
  </si>
  <si>
    <t>申込中（第一希望）</t>
  </si>
  <si>
    <t>児童名</t>
    <rPh sb="0" eb="3">
      <t>ジドウメイ</t>
    </rPh>
    <phoneticPr fontId="2"/>
  </si>
  <si>
    <t>市区町村名</t>
    <rPh sb="0" eb="4">
      <t>シクチョウソン</t>
    </rPh>
    <rPh sb="4" eb="5">
      <t>メイ</t>
    </rPh>
    <phoneticPr fontId="2"/>
  </si>
  <si>
    <t>施設名</t>
    <rPh sb="0" eb="3">
      <t>シセツメイ</t>
    </rPh>
    <phoneticPr fontId="2"/>
  </si>
  <si>
    <t>生年・実績</t>
    <rPh sb="0" eb="2">
      <t>セイネン</t>
    </rPh>
    <rPh sb="3" eb="5">
      <t>ジッセキ</t>
    </rPh>
    <phoneticPr fontId="2"/>
  </si>
  <si>
    <t>予定・実績</t>
    <rPh sb="0" eb="2">
      <t>ヨテイ</t>
    </rPh>
    <rPh sb="3" eb="5">
      <t>ジッセキ</t>
    </rPh>
    <phoneticPr fontId="2"/>
  </si>
  <si>
    <t>月</t>
    <rPh sb="0" eb="1">
      <t>ツキ</t>
    </rPh>
    <phoneticPr fontId="2"/>
  </si>
  <si>
    <t>日</t>
    <rPh sb="0" eb="1">
      <t>ヒ</t>
    </rPh>
    <phoneticPr fontId="2"/>
  </si>
  <si>
    <t>休憩時間</t>
    <rPh sb="0" eb="2">
      <t>キュウケイ</t>
    </rPh>
    <rPh sb="2" eb="4">
      <t>ジカン</t>
    </rPh>
    <phoneticPr fontId="2"/>
  </si>
  <si>
    <t>チェックボックス</t>
    <phoneticPr fontId="2"/>
  </si>
  <si>
    <t>☑</t>
    <phoneticPr fontId="2"/>
  </si>
  <si>
    <t>戻</t>
    <rPh sb="0" eb="1">
      <t>モド</t>
    </rPh>
    <phoneticPr fontId="2"/>
  </si>
  <si>
    <t>【就労証明書（簡易版）】記載要領</t>
    <rPh sb="7" eb="10">
      <t>カンイバン</t>
    </rPh>
    <rPh sb="12" eb="14">
      <t>キサイ</t>
    </rPh>
    <rPh sb="14" eb="16">
      <t>ヨウリョウ</t>
    </rPh>
    <phoneticPr fontId="2"/>
  </si>
  <si>
    <t>■証明書を発行する事業者又は民生・児童委員に関する項目</t>
    <rPh sb="12" eb="13">
      <t>マタ</t>
    </rPh>
    <rPh sb="14" eb="16">
      <t>ミンセイ</t>
    </rPh>
    <rPh sb="17" eb="19">
      <t>ジドウ</t>
    </rPh>
    <rPh sb="19" eb="21">
      <t>イイン</t>
    </rPh>
    <rPh sb="25" eb="27">
      <t>コウモク</t>
    </rPh>
    <phoneticPr fontId="2"/>
  </si>
  <si>
    <t>証明日</t>
    <phoneticPr fontId="2"/>
  </si>
  <si>
    <t>○証明日（証明書発行日）を記載してください。
　※年の欄は西暦で記載してください。</t>
    <rPh sb="29" eb="31">
      <t>セイレキ</t>
    </rPh>
    <phoneticPr fontId="2"/>
  </si>
  <si>
    <t>事業所名</t>
    <phoneticPr fontId="2"/>
  </si>
  <si>
    <t>○証明書を発行する事業者の名称（法人名）を記載してください。
　※証明書の発行に責任を持つ企業・組織・団体名等を記載してください。
　※個人事業主の場合は事業者の名称を記載してください。</t>
    <phoneticPr fontId="2"/>
  </si>
  <si>
    <t>○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phoneticPr fontId="2"/>
  </si>
  <si>
    <t>○証明書発行事業所の住所を記載してください。
　※証明書の証明対象となる者（以下「本人」という。）の就労先住所ではない点に注意してください。</t>
    <phoneticPr fontId="2"/>
  </si>
  <si>
    <t>電話番号</t>
    <phoneticPr fontId="2"/>
  </si>
  <si>
    <t>○証明書発行事業所の電話番号を記載してください。</t>
    <rPh sb="10" eb="14">
      <t>デンワバンゴウ</t>
    </rPh>
    <phoneticPr fontId="2"/>
  </si>
  <si>
    <t>担当者名／記載者連絡先</t>
    <rPh sb="0" eb="3">
      <t>タントウシャ</t>
    </rPh>
    <rPh sb="3" eb="4">
      <t>メイ</t>
    </rPh>
    <rPh sb="5" eb="8">
      <t>キサイシャ</t>
    </rPh>
    <rPh sb="8" eb="11">
      <t>レンラクサキ</t>
    </rPh>
    <phoneticPr fontId="2"/>
  </si>
  <si>
    <t>○証明書の内容について、自治体からの事務的な連絡を受ける場合の担当者名/電話番号を記載してください。</t>
    <rPh sb="28" eb="30">
      <t>バアイ</t>
    </rPh>
    <rPh sb="31" eb="34">
      <t>タントウシャ</t>
    </rPh>
    <rPh sb="34" eb="35">
      <t>メイ</t>
    </rPh>
    <phoneticPr fontId="2"/>
  </si>
  <si>
    <t>■就労先事業者に関する事項</t>
    <rPh sb="1" eb="3">
      <t>シュウロウ</t>
    </rPh>
    <rPh sb="3" eb="4">
      <t>サキ</t>
    </rPh>
    <rPh sb="4" eb="7">
      <t>ジギョウシャ</t>
    </rPh>
    <rPh sb="8" eb="9">
      <t>カン</t>
    </rPh>
    <rPh sb="11" eb="13">
      <t>ジコウ</t>
    </rPh>
    <phoneticPr fontId="2"/>
  </si>
  <si>
    <t>№1</t>
    <phoneticPr fontId="2"/>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2"/>
  </si>
  <si>
    <t>■就労者に関する項目</t>
    <rPh sb="1" eb="4">
      <t>シュウロウシャ</t>
    </rPh>
    <rPh sb="8" eb="10">
      <t>コウモク</t>
    </rPh>
    <phoneticPr fontId="2"/>
  </si>
  <si>
    <t>№2</t>
    <phoneticPr fontId="2"/>
  </si>
  <si>
    <t>フリガナ／本人氏名</t>
    <rPh sb="5" eb="7">
      <t>ホンニン</t>
    </rPh>
    <phoneticPr fontId="2"/>
  </si>
  <si>
    <t>○本人の氏名、フリガナを記載してください。</t>
    <rPh sb="1" eb="3">
      <t>ホンニン</t>
    </rPh>
    <phoneticPr fontId="2"/>
  </si>
  <si>
    <t>生年月日</t>
    <rPh sb="0" eb="2">
      <t>セイネン</t>
    </rPh>
    <rPh sb="2" eb="4">
      <t>ガッピ</t>
    </rPh>
    <phoneticPr fontId="2"/>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2"/>
  </si>
  <si>
    <t>■就労状態等に関する事項</t>
    <rPh sb="1" eb="3">
      <t>シュウロウ</t>
    </rPh>
    <rPh sb="3" eb="5">
      <t>ジョウタイ</t>
    </rPh>
    <rPh sb="5" eb="6">
      <t>トウ</t>
    </rPh>
    <rPh sb="7" eb="8">
      <t>カン</t>
    </rPh>
    <rPh sb="10" eb="12">
      <t>ジコウ</t>
    </rPh>
    <phoneticPr fontId="2"/>
  </si>
  <si>
    <t>№3</t>
    <phoneticPr fontId="2"/>
  </si>
  <si>
    <t>雇用(予定)期間等</t>
    <phoneticPr fontId="2"/>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phoneticPr fontId="2"/>
  </si>
  <si>
    <t>№4</t>
    <phoneticPr fontId="2"/>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2"/>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phoneticPr fontId="2"/>
  </si>
  <si>
    <t>№5</t>
    <phoneticPr fontId="2"/>
  </si>
  <si>
    <t>雇用の形態</t>
    <phoneticPr fontId="2"/>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2"/>
  </si>
  <si>
    <t>№6</t>
    <phoneticPr fontId="2"/>
  </si>
  <si>
    <t>就労時間
（固定就労の場合）</t>
    <phoneticPr fontId="2"/>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2"/>
  </si>
  <si>
    <t>就労時間
（変則就労の場合）</t>
    <phoneticPr fontId="2"/>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2"/>
  </si>
  <si>
    <t>№7</t>
    <phoneticPr fontId="2"/>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2"/>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2"/>
  </si>
  <si>
    <t>№8</t>
    <phoneticPr fontId="2"/>
  </si>
  <si>
    <t>産前・産後休業の取得
※取得予定を含む</t>
    <rPh sb="12" eb="14">
      <t>シュトク</t>
    </rPh>
    <rPh sb="14" eb="16">
      <t>ヨテイ</t>
    </rPh>
    <rPh sb="17" eb="18">
      <t>フク</t>
    </rPh>
    <phoneticPr fontId="2"/>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2"/>
  </si>
  <si>
    <t>№9</t>
    <phoneticPr fontId="2"/>
  </si>
  <si>
    <t>育児休業の取得
※取得予定を含む</t>
    <rPh sb="0" eb="2">
      <t>イクジ</t>
    </rPh>
    <rPh sb="2" eb="4">
      <t>キュウギョウ</t>
    </rPh>
    <rPh sb="5" eb="7">
      <t>シュトク</t>
    </rPh>
    <rPh sb="9" eb="11">
      <t>シュトク</t>
    </rPh>
    <rPh sb="11" eb="13">
      <t>ヨテイ</t>
    </rPh>
    <rPh sb="14" eb="15">
      <t>フク</t>
    </rPh>
    <phoneticPr fontId="2"/>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９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1" eb="252">
      <t>ラン</t>
    </rPh>
    <rPh sb="257" eb="259">
      <t>カコ</t>
    </rPh>
    <rPh sb="259" eb="261">
      <t>シュトク</t>
    </rPh>
    <rPh sb="261" eb="262">
      <t>ブン</t>
    </rPh>
    <rPh sb="263" eb="265">
      <t>ビコウ</t>
    </rPh>
    <rPh sb="265" eb="266">
      <t>ラン</t>
    </rPh>
    <rPh sb="267" eb="269">
      <t>キサイ</t>
    </rPh>
    <phoneticPr fontId="2"/>
  </si>
  <si>
    <t>No.10</t>
    <phoneticPr fontId="2"/>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2"/>
  </si>
  <si>
    <t>○産休・育休以外の休業の取得について「□取得予定」か「□取得中」か「□取得済み」にチェック（レ点記入）してください。
　※法令上の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休業について記載し、過去取得分を備考欄に記載する。）。
　※年の欄は西暦で記載してください。
○産休・育休以外の休業の取得理由についてチェック（レ点記入）してください。</t>
    <rPh sb="1" eb="3">
      <t>サンキュウ</t>
    </rPh>
    <rPh sb="4" eb="6">
      <t>イクキュウ</t>
    </rPh>
    <rPh sb="6" eb="8">
      <t>イガイ</t>
    </rPh>
    <rPh sb="37" eb="38">
      <t>ズ</t>
    </rPh>
    <rPh sb="142" eb="144">
      <t>シュトク</t>
    </rPh>
    <rPh sb="189" eb="190">
      <t>タ</t>
    </rPh>
    <rPh sb="191" eb="193">
      <t>ビコウ</t>
    </rPh>
    <rPh sb="193" eb="194">
      <t>ラン</t>
    </rPh>
    <rPh sb="195" eb="197">
      <t>キサイ</t>
    </rPh>
    <rPh sb="253" eb="255">
      <t>カコ</t>
    </rPh>
    <rPh sb="255" eb="257">
      <t>シュトク</t>
    </rPh>
    <rPh sb="257" eb="258">
      <t>ブン</t>
    </rPh>
    <rPh sb="259" eb="261">
      <t>ビコウ</t>
    </rPh>
    <rPh sb="261" eb="262">
      <t>ラン</t>
    </rPh>
    <rPh sb="263" eb="265">
      <t>キサイ</t>
    </rPh>
    <rPh sb="304" eb="306">
      <t>リユウ</t>
    </rPh>
    <phoneticPr fontId="2"/>
  </si>
  <si>
    <t>№11</t>
    <phoneticPr fontId="2"/>
  </si>
  <si>
    <t>復職（予定）年月日</t>
    <phoneticPr fontId="2"/>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2"/>
  </si>
  <si>
    <t>No.12</t>
    <phoneticPr fontId="2"/>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2"/>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28" eb="130">
      <t>トウガイ</t>
    </rPh>
    <rPh sb="130" eb="133">
      <t>タンジカン</t>
    </rPh>
    <rPh sb="133" eb="135">
      <t>キンム</t>
    </rPh>
    <rPh sb="135" eb="137">
      <t>セイド</t>
    </rPh>
    <rPh sb="138" eb="140">
      <t>リヨウ</t>
    </rPh>
    <rPh sb="141" eb="143">
      <t>ヨテイ</t>
    </rPh>
    <rPh sb="144" eb="146">
      <t>キカン</t>
    </rPh>
    <rPh sb="146" eb="147">
      <t>オヨ</t>
    </rPh>
    <rPh sb="148" eb="150">
      <t>トウガイ</t>
    </rPh>
    <rPh sb="150" eb="153">
      <t>タンジカン</t>
    </rPh>
    <rPh sb="153" eb="155">
      <t>キンム</t>
    </rPh>
    <rPh sb="155" eb="157">
      <t>セイド</t>
    </rPh>
    <rPh sb="157" eb="159">
      <t>リヨウ</t>
    </rPh>
    <rPh sb="159" eb="160">
      <t>ジ</t>
    </rPh>
    <rPh sb="161" eb="162">
      <t>オモ</t>
    </rPh>
    <rPh sb="163" eb="165">
      <t>シュウロウ</t>
    </rPh>
    <rPh sb="165" eb="168">
      <t>ジカンタイ</t>
    </rPh>
    <rPh sb="169" eb="171">
      <t>キンム</t>
    </rPh>
    <rPh sb="171" eb="173">
      <t>タイセイ</t>
    </rPh>
    <rPh sb="173" eb="175">
      <t>ヘンコウ</t>
    </rPh>
    <rPh sb="175" eb="176">
      <t>ゴ</t>
    </rPh>
    <rPh sb="177" eb="179">
      <t>シュウロウ</t>
    </rPh>
    <rPh sb="179" eb="182">
      <t>ジカンタイ</t>
    </rPh>
    <rPh sb="187" eb="189">
      <t>キサイ</t>
    </rPh>
    <rPh sb="205" eb="208">
      <t>タンジカン</t>
    </rPh>
    <rPh sb="208" eb="210">
      <t>キンム</t>
    </rPh>
    <rPh sb="210" eb="212">
      <t>セイド</t>
    </rPh>
    <rPh sb="212" eb="214">
      <t>リヨウ</t>
    </rPh>
    <rPh sb="214" eb="215">
      <t>マエ</t>
    </rPh>
    <rPh sb="216" eb="218">
      <t>シュウロウ</t>
    </rPh>
    <rPh sb="218" eb="221">
      <t>ジカンタイ</t>
    </rPh>
    <rPh sb="229" eb="232">
      <t>タンジカン</t>
    </rPh>
    <rPh sb="232" eb="234">
      <t>キンム</t>
    </rPh>
    <rPh sb="234" eb="236">
      <t>セイド</t>
    </rPh>
    <rPh sb="236" eb="238">
      <t>リヨウ</t>
    </rPh>
    <rPh sb="238" eb="239">
      <t>アト</t>
    </rPh>
    <rPh sb="240" eb="242">
      <t>シュウロウ</t>
    </rPh>
    <rPh sb="242" eb="245">
      <t>ジカンタイ</t>
    </rPh>
    <rPh sb="246" eb="248">
      <t>キサイ</t>
    </rPh>
    <rPh sb="258" eb="259">
      <t>ネン</t>
    </rPh>
    <rPh sb="260" eb="261">
      <t>ラン</t>
    </rPh>
    <rPh sb="262" eb="264">
      <t>セイレキ</t>
    </rPh>
    <rPh sb="265" eb="267">
      <t>キサイ</t>
    </rPh>
    <phoneticPr fontId="2"/>
  </si>
  <si>
    <t>■その他の項目</t>
    <rPh sb="3" eb="4">
      <t>タ</t>
    </rPh>
    <rPh sb="5" eb="7">
      <t>コウモク</t>
    </rPh>
    <phoneticPr fontId="2"/>
  </si>
  <si>
    <t>№13</t>
    <phoneticPr fontId="2"/>
  </si>
  <si>
    <t>保育士としての勤務実態の有無</t>
    <rPh sb="0" eb="3">
      <t>ホイクシ</t>
    </rPh>
    <rPh sb="7" eb="9">
      <t>キンム</t>
    </rPh>
    <rPh sb="9" eb="11">
      <t>ジッタイ</t>
    </rPh>
    <rPh sb="12" eb="14">
      <t>ウム</t>
    </rPh>
    <phoneticPr fontId="2"/>
  </si>
  <si>
    <t xml:space="preserve">
○保育士、幼稚園教諭、保育教諭としての勤務実態の有無について「□有」、「□有予定」、「□無」にチェック（レ点記入）してください。</t>
    <rPh sb="20" eb="22">
      <t>キンム</t>
    </rPh>
    <rPh sb="22" eb="24">
      <t>ジッタイ</t>
    </rPh>
    <rPh sb="25" eb="27">
      <t>ウム</t>
    </rPh>
    <rPh sb="33" eb="34">
      <t>アリ</t>
    </rPh>
    <rPh sb="38" eb="39">
      <t>アリ</t>
    </rPh>
    <rPh sb="39" eb="41">
      <t>ヨテイ</t>
    </rPh>
    <rPh sb="45" eb="46">
      <t>ナ</t>
    </rPh>
    <rPh sb="54" eb="55">
      <t>テン</t>
    </rPh>
    <rPh sb="55" eb="57">
      <t>キニュウ</t>
    </rPh>
    <phoneticPr fontId="2"/>
  </si>
  <si>
    <t>■追加の項目</t>
    <rPh sb="1" eb="3">
      <t>ツイカ</t>
    </rPh>
    <rPh sb="4" eb="6">
      <t>コウモク</t>
    </rPh>
    <phoneticPr fontId="2"/>
  </si>
  <si>
    <t>№14</t>
  </si>
  <si>
    <t xml:space="preserve">（雇用契約の）満了後の更新の有無
	</t>
    <phoneticPr fontId="2"/>
  </si>
  <si>
    <t xml:space="preserve">○雇用期間について「□有期」をチェックした場合は契約満了後の更新の有無について「□有」「□有（予定）」「□無」「□未定」のいずれかにチェックしてください。 </t>
    <phoneticPr fontId="2"/>
  </si>
  <si>
    <t>№15</t>
    <phoneticPr fontId="2"/>
  </si>
  <si>
    <t>入所が内定した場合の育児休業の短縮可否</t>
    <phoneticPr fontId="2"/>
  </si>
  <si>
    <t>○育児休業の終了予定日よりも前の日時での保育所等の入所が内定した場合、育児休業を短縮し、入所内定日から復職することについて、「□可」「□可（予定）」「□否」にチェックしてください。</t>
    <phoneticPr fontId="2"/>
  </si>
  <si>
    <t xml:space="preserve">№16 </t>
  </si>
  <si>
    <t>〇育児休業の延長について「□可」「□可（予定）」「□否」にチェックしてください。</t>
    <phoneticPr fontId="2"/>
  </si>
  <si>
    <t>№17</t>
  </si>
  <si>
    <t>〇単身赴任について期間を記載してください。
※終期が未定の場合は終期欄は空欄で構いません。
※年の欄は西暦で記載してください。</t>
    <phoneticPr fontId="2"/>
  </si>
  <si>
    <t>No.18</t>
    <phoneticPr fontId="2"/>
  </si>
  <si>
    <r>
      <t>○</t>
    </r>
    <r>
      <rPr>
        <sz val="10"/>
        <rFont val="ＭＳ Ｐゴシック"/>
        <family val="3"/>
        <charset val="128"/>
      </rPr>
      <t>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10の産休・育休以外の休業の取得実績等について追加記載が必要な場合は、この欄に記載してください。
○その他特記事項があれば、この欄に記載してください。</t>
    </r>
    <r>
      <rPr>
        <sz val="10"/>
        <color theme="1"/>
        <rFont val="ＭＳ Ｐゴシック"/>
        <family val="3"/>
        <charset val="128"/>
      </rPr>
      <t xml:space="preserve">
</t>
    </r>
    <r>
      <rPr>
        <sz val="10"/>
        <color rgb="FFFF0000"/>
        <rFont val="ＭＳ Ｐゴシック"/>
        <family val="3"/>
        <charset val="128"/>
      </rPr>
      <t>　</t>
    </r>
    <r>
      <rPr>
        <sz val="10"/>
        <rFont val="ＭＳ Ｐゴシック"/>
        <family val="3"/>
        <charset val="128"/>
      </rPr>
      <t>＊農地面積など個人事業主等に対する事項に関してのみ、市区町村独自の記載を求めることを可能とします。</t>
    </r>
    <r>
      <rPr>
        <sz val="10"/>
        <color theme="1"/>
        <rFont val="ＭＳ Ｐゴシック"/>
        <family val="3"/>
        <charset val="128"/>
      </rPr>
      <t>　</t>
    </r>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91" eb="93">
      <t>キサイ</t>
    </rPh>
    <rPh sb="106" eb="108">
      <t>イクジ</t>
    </rPh>
    <rPh sb="108" eb="110">
      <t>キュウギョウ</t>
    </rPh>
    <rPh sb="110" eb="111">
      <t>オヨ</t>
    </rPh>
    <rPh sb="118" eb="120">
      <t>サンキュウ</t>
    </rPh>
    <rPh sb="121" eb="123">
      <t>イクキュウ</t>
    </rPh>
    <rPh sb="123" eb="125">
      <t>イガイ</t>
    </rPh>
    <rPh sb="126" eb="128">
      <t>キュウギョウ</t>
    </rPh>
    <rPh sb="129" eb="131">
      <t>シュトク</t>
    </rPh>
    <rPh sb="131" eb="133">
      <t>ジッセキ</t>
    </rPh>
    <rPh sb="133" eb="134">
      <t>トウ</t>
    </rPh>
    <rPh sb="138" eb="140">
      <t>ツイカ</t>
    </rPh>
    <rPh sb="140" eb="142">
      <t>キサイ</t>
    </rPh>
    <rPh sb="143" eb="145">
      <t>ヒツヨウ</t>
    </rPh>
    <rPh sb="146" eb="148">
      <t>バアイ</t>
    </rPh>
    <rPh sb="152" eb="153">
      <t>ラン</t>
    </rPh>
    <rPh sb="154" eb="156">
      <t>キサイ</t>
    </rPh>
    <rPh sb="167" eb="168">
      <t>タ</t>
    </rPh>
    <rPh sb="168" eb="170">
      <t>トッキ</t>
    </rPh>
    <rPh sb="170" eb="172">
      <t>ジコウ</t>
    </rPh>
    <rPh sb="179" eb="180">
      <t>ラン</t>
    </rPh>
    <rPh sb="181" eb="183">
      <t>キサイ</t>
    </rPh>
    <rPh sb="194" eb="196">
      <t>ノウチ</t>
    </rPh>
    <rPh sb="196" eb="198">
      <t>メンセキ</t>
    </rPh>
    <rPh sb="200" eb="202">
      <t>コジン</t>
    </rPh>
    <rPh sb="202" eb="205">
      <t>ジギョウヌシ</t>
    </rPh>
    <rPh sb="205" eb="206">
      <t>トウ</t>
    </rPh>
    <rPh sb="207" eb="208">
      <t>タイ</t>
    </rPh>
    <rPh sb="210" eb="212">
      <t>ジコウ</t>
    </rPh>
    <rPh sb="213" eb="214">
      <t>カン</t>
    </rPh>
    <rPh sb="223" eb="225">
      <t>ドクジ</t>
    </rPh>
    <rPh sb="226" eb="228">
      <t>キサイ</t>
    </rPh>
    <rPh sb="229" eb="230">
      <t>モト</t>
    </rPh>
    <phoneticPr fontId="2"/>
  </si>
  <si>
    <t>№19</t>
    <phoneticPr fontId="2"/>
  </si>
  <si>
    <t>〇児童名を入力してください。
〇児童の生年月日を入力してください。
〇施設の名称を記載してください。また、「□利用中」「□申込み中」にチェックしてください。</t>
    <phoneticPr fontId="2"/>
  </si>
  <si>
    <t>今治市長</t>
    <rPh sb="0" eb="4">
      <t>イマバリシチ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6" formatCode="&quot;¥&quot;#,##0;[Red]&quot;¥&quot;\-#,##0"/>
    <numFmt numFmtId="176" formatCode="0_ "/>
    <numFmt numFmtId="177" formatCode="0_);[Red]\(0\)"/>
    <numFmt numFmtId="178" formatCode="0.00_ "/>
  </numFmts>
  <fonts count="34" x14ac:knownFonts="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sz val="14"/>
      <color theme="1"/>
      <name val="ＭＳ Ｐゴシック"/>
      <family val="3"/>
      <charset val="128"/>
      <scheme val="minor"/>
    </font>
    <font>
      <u/>
      <sz val="10"/>
      <color theme="1"/>
      <name val="ＭＳ Ｐゴシック"/>
      <family val="3"/>
      <charset val="128"/>
    </font>
    <font>
      <sz val="10"/>
      <color rgb="FFFF0000"/>
      <name val="ＭＳ Ｐゴシック"/>
      <family val="3"/>
      <charset val="128"/>
    </font>
    <font>
      <sz val="14"/>
      <color rgb="FF000000"/>
      <name val="ＭＳ Ｐゴシック"/>
      <family val="3"/>
      <charset val="128"/>
    </font>
    <font>
      <sz val="12"/>
      <color theme="1"/>
      <name val="ＭＳ Ｐゴシック"/>
      <family val="3"/>
      <charset val="128"/>
      <scheme val="minor"/>
    </font>
    <font>
      <sz val="12"/>
      <color theme="1"/>
      <name val="ＭＳ Ｐゴシック"/>
      <family val="2"/>
      <charset val="128"/>
      <scheme val="minor"/>
    </font>
  </fonts>
  <fills count="7">
    <fill>
      <patternFill patternType="none"/>
    </fill>
    <fill>
      <patternFill patternType="gray125"/>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s>
  <borders count="76">
    <border>
      <left/>
      <right/>
      <top/>
      <bottom/>
      <diagonal/>
    </border>
    <border>
      <left/>
      <right/>
      <top/>
      <bottom style="thin">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thin">
        <color auto="1"/>
      </right>
      <top style="medium">
        <color auto="1"/>
      </top>
      <bottom style="thin">
        <color indexed="64"/>
      </bottom>
      <diagonal/>
    </border>
    <border>
      <left/>
      <right/>
      <top style="thin">
        <color auto="1"/>
      </top>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auto="1"/>
      </left>
      <right/>
      <top/>
      <bottom style="thin">
        <color auto="1"/>
      </bottom>
      <diagonal/>
    </border>
    <border>
      <left/>
      <right/>
      <top/>
      <bottom style="thin">
        <color indexed="8"/>
      </bottom>
      <diagonal/>
    </border>
    <border>
      <left style="thin">
        <color auto="1"/>
      </left>
      <right/>
      <top/>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thin">
        <color indexed="64"/>
      </left>
      <right style="thin">
        <color indexed="64"/>
      </right>
      <top style="thin">
        <color indexed="64"/>
      </top>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indexed="8"/>
      </left>
      <right/>
      <top/>
      <bottom style="thin">
        <color auto="1"/>
      </bottom>
      <diagonal/>
    </border>
    <border>
      <left style="thin">
        <color theme="1"/>
      </left>
      <right/>
      <top style="medium">
        <color auto="1"/>
      </top>
      <bottom/>
      <diagonal/>
    </border>
    <border>
      <left/>
      <right style="thin">
        <color indexed="8"/>
      </right>
      <top style="medium">
        <color auto="1"/>
      </top>
      <bottom/>
      <diagonal/>
    </border>
    <border>
      <left style="thin">
        <color theme="1"/>
      </left>
      <right/>
      <top/>
      <bottom style="thin">
        <color auto="1"/>
      </bottom>
      <diagonal/>
    </border>
    <border>
      <left/>
      <right style="thin">
        <color indexed="8"/>
      </right>
      <top/>
      <bottom style="thin">
        <color auto="1"/>
      </bottom>
      <diagonal/>
    </border>
    <border>
      <left style="thin">
        <color indexed="8"/>
      </left>
      <right/>
      <top style="medium">
        <color auto="1"/>
      </top>
      <bottom/>
      <diagonal/>
    </border>
    <border>
      <left style="thin">
        <color auto="1"/>
      </left>
      <right style="thin">
        <color theme="1"/>
      </right>
      <top style="medium">
        <color auto="1"/>
      </top>
      <bottom style="thin">
        <color auto="1"/>
      </bottom>
      <diagonal/>
    </border>
    <border>
      <left style="medium">
        <color auto="1"/>
      </left>
      <right style="thin">
        <color auto="1"/>
      </right>
      <top/>
      <bottom style="thin">
        <color auto="1"/>
      </bottom>
      <diagonal/>
    </border>
    <border>
      <left style="thin">
        <color auto="1"/>
      </left>
      <right style="thin">
        <color theme="1"/>
      </right>
      <top/>
      <bottom style="thin">
        <color auto="1"/>
      </bottom>
      <diagonal/>
    </border>
    <border>
      <left style="medium">
        <color auto="1"/>
      </left>
      <right/>
      <top/>
      <bottom style="hair">
        <color indexed="64"/>
      </bottom>
      <diagonal/>
    </border>
    <border>
      <left/>
      <right/>
      <top/>
      <bottom style="hair">
        <color indexed="64"/>
      </bottom>
      <diagonal/>
    </border>
    <border>
      <left/>
      <right style="thin">
        <color auto="1"/>
      </right>
      <top/>
      <bottom style="hair">
        <color indexed="64"/>
      </bottom>
      <diagonal/>
    </border>
    <border>
      <left/>
      <right/>
      <top style="thin">
        <color auto="1"/>
      </top>
      <bottom style="thin">
        <color indexed="64"/>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thin">
        <color auto="1"/>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auto="1"/>
      </left>
      <right/>
      <top style="medium">
        <color auto="1"/>
      </top>
      <bottom style="medium">
        <color auto="1"/>
      </bottom>
      <diagonal/>
    </border>
    <border>
      <left/>
      <right/>
      <top style="thin">
        <color rgb="FF000000"/>
      </top>
      <bottom style="medium">
        <color auto="1"/>
      </bottom>
      <diagonal/>
    </border>
    <border>
      <left style="medium">
        <color indexed="64"/>
      </left>
      <right style="medium">
        <color indexed="64"/>
      </right>
      <top style="thin">
        <color rgb="FF000000"/>
      </top>
      <bottom style="medium">
        <color indexed="64"/>
      </bottom>
      <diagonal/>
    </border>
    <border>
      <left/>
      <right style="medium">
        <color indexed="64"/>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auto="1"/>
      </right>
      <top/>
      <bottom style="thin">
        <color auto="1"/>
      </bottom>
      <diagonal/>
    </border>
    <border>
      <left style="thin">
        <color auto="1"/>
      </left>
      <right style="thin">
        <color auto="1"/>
      </right>
      <top style="thin">
        <color auto="1"/>
      </top>
      <bottom style="thin">
        <color indexed="64"/>
      </bottom>
      <diagonal/>
    </border>
    <border>
      <left/>
      <right/>
      <top style="thin">
        <color indexed="8"/>
      </top>
      <bottom style="thin">
        <color indexed="8"/>
      </bottom>
      <diagonal/>
    </border>
    <border>
      <left/>
      <right/>
      <top style="thin">
        <color indexed="8"/>
      </top>
      <bottom/>
      <diagonal/>
    </border>
    <border>
      <left style="thin">
        <color auto="1"/>
      </left>
      <right/>
      <top style="thin">
        <color indexed="8"/>
      </top>
      <bottom style="medium">
        <color auto="1"/>
      </bottom>
      <diagonal/>
    </border>
    <border>
      <left/>
      <right/>
      <top style="thin">
        <color indexed="8"/>
      </top>
      <bottom style="medium">
        <color auto="1"/>
      </bottom>
      <diagonal/>
    </border>
    <border>
      <left style="medium">
        <color auto="1"/>
      </left>
      <right/>
      <top style="thin">
        <color auto="1"/>
      </top>
      <bottom style="thin">
        <color auto="1"/>
      </bottom>
      <diagonal/>
    </border>
    <border>
      <left/>
      <right style="medium">
        <color auto="1"/>
      </right>
      <top style="thin">
        <color indexed="64"/>
      </top>
      <bottom style="thin">
        <color indexed="64"/>
      </bottom>
      <diagonal/>
    </border>
    <border>
      <left style="medium">
        <color auto="1"/>
      </left>
      <right/>
      <top style="thin">
        <color auto="1"/>
      </top>
      <bottom style="medium">
        <color auto="1"/>
      </bottom>
      <diagonal/>
    </border>
    <border>
      <left/>
      <right/>
      <top style="thin">
        <color auto="1"/>
      </top>
      <bottom style="medium">
        <color auto="1"/>
      </bottom>
      <diagonal/>
    </border>
    <border>
      <left style="thin">
        <color indexed="8"/>
      </left>
      <right/>
      <top style="thin">
        <color auto="1"/>
      </top>
      <bottom style="medium">
        <color auto="1"/>
      </bottom>
      <diagonal/>
    </border>
    <border>
      <left/>
      <right style="medium">
        <color indexed="64"/>
      </right>
      <top style="thin">
        <color indexed="64"/>
      </top>
      <bottom style="medium">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s>
  <cellStyleXfs count="6">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applyNumberFormat="0" applyFill="0" applyBorder="0" applyAlignment="0" applyProtection="0">
      <alignment vertical="center"/>
    </xf>
    <xf numFmtId="6" fontId="4" fillId="0" borderId="0" applyFont="0" applyFill="0" applyBorder="0" applyAlignment="0" applyProtection="0">
      <alignment vertical="center"/>
    </xf>
  </cellStyleXfs>
  <cellXfs count="390">
    <xf numFmtId="0" fontId="0" fillId="0" borderId="0" xfId="0">
      <alignment vertical="center"/>
    </xf>
    <xf numFmtId="0" fontId="0" fillId="0" borderId="0" xfId="0" applyAlignment="1">
      <alignment vertical="center" wrapText="1"/>
    </xf>
    <xf numFmtId="0" fontId="9" fillId="0" borderId="0" xfId="0" applyFont="1">
      <alignment vertical="center"/>
    </xf>
    <xf numFmtId="49" fontId="0" fillId="0" borderId="0" xfId="0" applyNumberFormat="1">
      <alignment vertical="center"/>
    </xf>
    <xf numFmtId="0" fontId="14" fillId="0" borderId="0" xfId="0" applyFont="1" applyAlignment="1">
      <alignment horizontal="left" vertical="center"/>
    </xf>
    <xf numFmtId="0" fontId="8" fillId="0" borderId="0" xfId="0" applyFont="1" applyAlignment="1">
      <alignment horizontal="center" vertical="center"/>
    </xf>
    <xf numFmtId="0" fontId="15" fillId="2" borderId="12" xfId="0" applyFont="1" applyFill="1" applyBorder="1" applyAlignment="1">
      <alignment horizontal="center" vertical="center"/>
    </xf>
    <xf numFmtId="0" fontId="15" fillId="2" borderId="13" xfId="0" applyFont="1" applyFill="1" applyBorder="1">
      <alignment vertical="center"/>
    </xf>
    <xf numFmtId="0" fontId="11" fillId="2" borderId="1" xfId="0" applyFont="1" applyFill="1" applyBorder="1" applyAlignment="1">
      <alignment horizontal="center" vertical="center"/>
    </xf>
    <xf numFmtId="0" fontId="11" fillId="0" borderId="1" xfId="0" applyFont="1" applyBorder="1">
      <alignment vertical="center"/>
    </xf>
    <xf numFmtId="0" fontId="11" fillId="2" borderId="12" xfId="0" applyFont="1" applyFill="1" applyBorder="1" applyAlignment="1">
      <alignment horizontal="center" vertical="center" wrapText="1"/>
    </xf>
    <xf numFmtId="0" fontId="15" fillId="2" borderId="12" xfId="0" applyFont="1" applyFill="1" applyBorder="1">
      <alignment vertical="center"/>
    </xf>
    <xf numFmtId="0" fontId="18" fillId="0" borderId="0" xfId="0" applyFont="1" applyAlignment="1">
      <alignment horizontal="left" vertical="center"/>
    </xf>
    <xf numFmtId="0" fontId="15" fillId="0" borderId="1" xfId="0" applyFont="1" applyBorder="1">
      <alignment vertical="center"/>
    </xf>
    <xf numFmtId="0" fontId="11" fillId="0" borderId="4" xfId="0" applyFont="1" applyBorder="1" applyAlignment="1">
      <alignment vertical="center" shrinkToFit="1"/>
    </xf>
    <xf numFmtId="0" fontId="15" fillId="0" borderId="8" xfId="0" applyFont="1" applyBorder="1" applyProtection="1">
      <alignment vertical="center"/>
      <protection locked="0"/>
    </xf>
    <xf numFmtId="0" fontId="10" fillId="0" borderId="12" xfId="0" applyFont="1" applyBorder="1" applyAlignment="1">
      <alignment vertical="center" shrinkToFit="1"/>
    </xf>
    <xf numFmtId="0" fontId="11" fillId="0" borderId="12" xfId="0" applyFont="1" applyBorder="1" applyAlignment="1">
      <alignment vertical="center" shrinkToFit="1"/>
    </xf>
    <xf numFmtId="0" fontId="11" fillId="0" borderId="12" xfId="0" applyFont="1" applyBorder="1">
      <alignment vertical="center"/>
    </xf>
    <xf numFmtId="0" fontId="11" fillId="3" borderId="4" xfId="0" applyFont="1" applyFill="1" applyBorder="1" applyAlignment="1" applyProtection="1">
      <alignment vertical="center" shrinkToFit="1"/>
      <protection locked="0"/>
    </xf>
    <xf numFmtId="0" fontId="15" fillId="0" borderId="1" xfId="0" applyFont="1" applyBorder="1" applyAlignment="1">
      <alignment horizontal="center" vertical="center"/>
    </xf>
    <xf numFmtId="0" fontId="20" fillId="4" borderId="25" xfId="4" applyFont="1" applyFill="1" applyBorder="1" applyAlignment="1" applyProtection="1">
      <alignment vertical="center"/>
    </xf>
    <xf numFmtId="0" fontId="15" fillId="0" borderId="26" xfId="0" applyFont="1" applyBorder="1" applyAlignment="1">
      <alignment vertical="center" wrapText="1"/>
    </xf>
    <xf numFmtId="0" fontId="15" fillId="0" borderId="0" xfId="0" applyFont="1" applyAlignment="1">
      <alignment vertical="center" wrapText="1"/>
    </xf>
    <xf numFmtId="0" fontId="20" fillId="2" borderId="25" xfId="0" applyFont="1" applyFill="1" applyBorder="1" applyAlignment="1">
      <alignment horizontal="center" vertical="center"/>
    </xf>
    <xf numFmtId="0" fontId="25" fillId="0" borderId="0" xfId="0" applyFont="1" applyAlignment="1">
      <alignment horizontal="center" vertical="center"/>
    </xf>
    <xf numFmtId="0" fontId="0" fillId="0" borderId="24" xfId="3" applyFont="1" applyBorder="1" applyAlignment="1">
      <alignment vertical="center" wrapText="1"/>
    </xf>
    <xf numFmtId="176" fontId="0" fillId="0" borderId="0" xfId="0" quotePrefix="1" applyNumberFormat="1" applyAlignment="1">
      <alignment horizontal="left" vertical="center"/>
    </xf>
    <xf numFmtId="0" fontId="15" fillId="0" borderId="0" xfId="0" applyFont="1" applyAlignment="1">
      <alignment horizontal="center" vertical="center"/>
    </xf>
    <xf numFmtId="0" fontId="20" fillId="0" borderId="0" xfId="4" applyFont="1" applyFill="1" applyBorder="1" applyAlignment="1" applyProtection="1">
      <alignment horizontal="center" vertical="center"/>
    </xf>
    <xf numFmtId="0" fontId="12" fillId="0" borderId="0" xfId="0" applyFont="1">
      <alignment vertical="center"/>
    </xf>
    <xf numFmtId="0" fontId="12" fillId="0" borderId="0" xfId="0" applyFont="1" applyAlignment="1">
      <alignment horizontal="center" vertical="center"/>
    </xf>
    <xf numFmtId="0" fontId="29" fillId="6" borderId="0" xfId="0" applyFont="1" applyFill="1">
      <alignment vertical="center"/>
    </xf>
    <xf numFmtId="0" fontId="12" fillId="6" borderId="0" xfId="0" applyFont="1" applyFill="1">
      <alignment vertical="center"/>
    </xf>
    <xf numFmtId="0" fontId="29" fillId="0" borderId="0" xfId="0" applyFont="1">
      <alignment vertical="center"/>
    </xf>
    <xf numFmtId="0" fontId="12" fillId="0" borderId="0" xfId="0" applyFont="1" applyAlignment="1">
      <alignment vertical="center" wrapText="1"/>
    </xf>
    <xf numFmtId="0" fontId="12" fillId="0" borderId="30" xfId="0" applyFont="1" applyBorder="1" applyAlignment="1">
      <alignment vertical="top" wrapText="1"/>
    </xf>
    <xf numFmtId="0" fontId="12" fillId="6" borderId="0" xfId="0" applyFont="1" applyFill="1" applyAlignment="1">
      <alignment vertical="center" wrapText="1"/>
    </xf>
    <xf numFmtId="0" fontId="12" fillId="0" borderId="0" xfId="0" applyFont="1" applyAlignment="1">
      <alignment horizontal="center" vertical="center" wrapText="1"/>
    </xf>
    <xf numFmtId="0" fontId="12" fillId="0" borderId="34" xfId="0" applyFont="1" applyBorder="1" applyAlignment="1">
      <alignment wrapText="1"/>
    </xf>
    <xf numFmtId="0" fontId="11" fillId="2" borderId="12" xfId="0" applyFont="1" applyFill="1" applyBorder="1" applyAlignment="1">
      <alignment horizontal="center" vertical="center"/>
    </xf>
    <xf numFmtId="0" fontId="15" fillId="0" borderId="14" xfId="0" applyFont="1" applyBorder="1" applyAlignment="1">
      <alignment horizontal="center" vertical="center"/>
    </xf>
    <xf numFmtId="0" fontId="15" fillId="0" borderId="7" xfId="0" applyFont="1" applyBorder="1" applyAlignment="1">
      <alignment horizontal="center" vertical="center"/>
    </xf>
    <xf numFmtId="0" fontId="20" fillId="0" borderId="0" xfId="0" applyFont="1" applyAlignment="1">
      <alignment horizontal="center" vertical="center"/>
    </xf>
    <xf numFmtId="0" fontId="15" fillId="3" borderId="12" xfId="0" applyFont="1" applyFill="1" applyBorder="1" applyAlignment="1" applyProtection="1">
      <alignment horizontal="center" vertical="center"/>
      <protection locked="0"/>
    </xf>
    <xf numFmtId="0" fontId="10" fillId="0" borderId="12" xfId="0" applyFont="1" applyBorder="1">
      <alignment vertical="center"/>
    </xf>
    <xf numFmtId="0" fontId="23" fillId="0" borderId="4" xfId="0" applyFont="1" applyBorder="1" applyAlignment="1">
      <alignment horizontal="left" vertical="center"/>
    </xf>
    <xf numFmtId="0" fontId="23" fillId="0" borderId="0" xfId="0" applyFont="1" applyAlignment="1">
      <alignment horizontal="left" vertical="center"/>
    </xf>
    <xf numFmtId="0" fontId="23" fillId="0" borderId="8" xfId="0" applyFont="1" applyBorder="1" applyAlignment="1">
      <alignment horizontal="left" vertical="center"/>
    </xf>
    <xf numFmtId="0" fontId="23" fillId="0" borderId="8" xfId="0" applyFont="1" applyBorder="1" applyAlignment="1" applyProtection="1">
      <alignment horizontal="left" vertical="center"/>
      <protection locked="0"/>
    </xf>
    <xf numFmtId="0" fontId="23" fillId="0" borderId="5" xfId="0" applyFont="1" applyBorder="1" applyAlignment="1">
      <alignment horizontal="right" vertical="center"/>
    </xf>
    <xf numFmtId="0" fontId="23" fillId="0" borderId="11" xfId="0" applyFont="1" applyBorder="1" applyAlignment="1">
      <alignment horizontal="right" vertical="center"/>
    </xf>
    <xf numFmtId="0" fontId="23" fillId="0" borderId="0" xfId="0" applyFont="1" applyAlignment="1">
      <alignment horizontal="right" vertical="center"/>
    </xf>
    <xf numFmtId="0" fontId="23" fillId="0" borderId="4" xfId="0" applyFont="1" applyBorder="1" applyAlignment="1">
      <alignment horizontal="right" vertical="center"/>
    </xf>
    <xf numFmtId="0" fontId="23" fillId="0" borderId="12" xfId="0" applyFont="1" applyBorder="1">
      <alignment vertical="center"/>
    </xf>
    <xf numFmtId="0" fontId="23" fillId="0" borderId="17" xfId="0" applyFont="1" applyBorder="1">
      <alignment vertical="center"/>
    </xf>
    <xf numFmtId="0" fontId="23" fillId="0" borderId="35" xfId="0" applyFont="1" applyBorder="1" applyAlignment="1">
      <alignment horizontal="center" vertical="center"/>
    </xf>
    <xf numFmtId="0" fontId="23" fillId="0" borderId="36" xfId="0" applyFont="1" applyBorder="1" applyAlignment="1">
      <alignment horizontal="center" vertical="center"/>
    </xf>
    <xf numFmtId="0" fontId="23" fillId="2" borderId="8" xfId="0" applyFont="1" applyFill="1" applyBorder="1" applyAlignment="1">
      <alignment horizontal="left" vertical="center"/>
    </xf>
    <xf numFmtId="0" fontId="23" fillId="0" borderId="8" xfId="0" applyFont="1" applyBorder="1" applyAlignment="1" applyProtection="1">
      <alignment horizontal="left" vertical="center" shrinkToFit="1"/>
      <protection locked="0"/>
    </xf>
    <xf numFmtId="0" fontId="23" fillId="2" borderId="4" xfId="0" applyFont="1" applyFill="1" applyBorder="1">
      <alignment vertical="center"/>
    </xf>
    <xf numFmtId="0" fontId="23" fillId="2" borderId="8" xfId="0" applyFont="1" applyFill="1" applyBorder="1">
      <alignment vertical="center"/>
    </xf>
    <xf numFmtId="0" fontId="11" fillId="2" borderId="12" xfId="0" applyFont="1" applyFill="1" applyBorder="1">
      <alignment vertical="center"/>
    </xf>
    <xf numFmtId="0" fontId="23" fillId="0" borderId="23" xfId="0" applyFont="1" applyBorder="1" applyAlignment="1">
      <alignment horizontal="right" vertical="center"/>
    </xf>
    <xf numFmtId="0" fontId="23" fillId="0" borderId="12" xfId="0" applyFont="1" applyBorder="1" applyAlignment="1">
      <alignment horizontal="right" vertical="center"/>
    </xf>
    <xf numFmtId="0" fontId="10" fillId="0" borderId="17" xfId="0" applyFont="1" applyBorder="1" applyAlignment="1">
      <alignment vertical="center" shrinkToFit="1"/>
    </xf>
    <xf numFmtId="0" fontId="23" fillId="0" borderId="44" xfId="0" applyFont="1" applyBorder="1" applyAlignment="1">
      <alignment horizontal="center" vertical="center"/>
    </xf>
    <xf numFmtId="0" fontId="23" fillId="0" borderId="30" xfId="0" applyFont="1" applyBorder="1" applyAlignment="1">
      <alignment horizontal="center" vertical="center"/>
    </xf>
    <xf numFmtId="0" fontId="23" fillId="0" borderId="7" xfId="0" applyFont="1" applyBorder="1" applyAlignment="1">
      <alignment horizontal="right" vertical="center"/>
    </xf>
    <xf numFmtId="0" fontId="23" fillId="0" borderId="8" xfId="0" applyFont="1" applyBorder="1" applyAlignment="1">
      <alignment horizontal="right" vertical="center"/>
    </xf>
    <xf numFmtId="0" fontId="15" fillId="0" borderId="49" xfId="0" applyFont="1" applyBorder="1" applyAlignment="1">
      <alignment horizontal="center" vertical="center"/>
    </xf>
    <xf numFmtId="0" fontId="20" fillId="2" borderId="49" xfId="0" applyFont="1" applyFill="1" applyBorder="1" applyAlignment="1">
      <alignment horizontal="center" vertical="center"/>
    </xf>
    <xf numFmtId="0" fontId="20" fillId="0" borderId="49" xfId="0" applyFont="1" applyBorder="1">
      <alignment vertical="center"/>
    </xf>
    <xf numFmtId="0" fontId="11" fillId="2" borderId="49" xfId="0" applyFont="1" applyFill="1" applyBorder="1" applyAlignment="1">
      <alignment horizontal="center" vertical="center"/>
    </xf>
    <xf numFmtId="0" fontId="11" fillId="0" borderId="49" xfId="0" applyFont="1" applyBorder="1">
      <alignment vertical="center"/>
    </xf>
    <xf numFmtId="0" fontId="23" fillId="0" borderId="51" xfId="0" applyFont="1" applyBorder="1" applyAlignment="1">
      <alignment horizontal="right" vertical="center"/>
    </xf>
    <xf numFmtId="0" fontId="23" fillId="0" borderId="49" xfId="0" applyFont="1" applyBorder="1">
      <alignment vertical="center"/>
    </xf>
    <xf numFmtId="49" fontId="17" fillId="0" borderId="49" xfId="0" applyNumberFormat="1" applyFont="1" applyBorder="1">
      <alignment vertical="center"/>
    </xf>
    <xf numFmtId="0" fontId="23" fillId="0" borderId="49" xfId="0" applyFont="1" applyBorder="1" applyAlignment="1">
      <alignment horizontal="right" vertical="center"/>
    </xf>
    <xf numFmtId="0" fontId="0" fillId="0" borderId="51" xfId="3" applyFont="1" applyBorder="1" applyAlignment="1">
      <alignment vertical="center" wrapText="1"/>
    </xf>
    <xf numFmtId="0" fontId="0" fillId="0" borderId="51" xfId="0" applyBorder="1">
      <alignment vertical="center"/>
    </xf>
    <xf numFmtId="0" fontId="13" fillId="0" borderId="51" xfId="0" applyFont="1" applyBorder="1">
      <alignment vertical="center"/>
    </xf>
    <xf numFmtId="0" fontId="13" fillId="0" borderId="50" xfId="0" applyFont="1" applyBorder="1">
      <alignment vertical="center"/>
    </xf>
    <xf numFmtId="0" fontId="13" fillId="0" borderId="51" xfId="0" applyFont="1" applyBorder="1" applyAlignment="1">
      <alignment vertical="center" wrapText="1"/>
    </xf>
    <xf numFmtId="0" fontId="15" fillId="0" borderId="4" xfId="0" applyFont="1" applyBorder="1" applyAlignment="1" applyProtection="1">
      <alignment horizontal="left" vertical="center"/>
      <protection locked="0"/>
    </xf>
    <xf numFmtId="0" fontId="15" fillId="0" borderId="7" xfId="0" applyFont="1" applyBorder="1" applyAlignment="1">
      <alignment horizontal="center" vertical="center" wrapText="1"/>
    </xf>
    <xf numFmtId="0" fontId="23" fillId="0" borderId="4" xfId="0" applyFont="1" applyBorder="1">
      <alignment vertical="center"/>
    </xf>
    <xf numFmtId="0" fontId="15" fillId="0" borderId="0" xfId="0" applyFont="1" applyAlignment="1" applyProtection="1">
      <alignment horizontal="left" vertical="center"/>
      <protection locked="0"/>
    </xf>
    <xf numFmtId="0" fontId="23" fillId="0" borderId="54" xfId="0" applyFont="1" applyBorder="1" applyAlignment="1">
      <alignment horizontal="right" vertical="center"/>
    </xf>
    <xf numFmtId="0" fontId="23" fillId="0" borderId="55" xfId="0" applyFont="1" applyBorder="1">
      <alignment vertical="center"/>
    </xf>
    <xf numFmtId="0" fontId="23" fillId="0" borderId="55" xfId="0" applyFont="1" applyBorder="1" applyAlignment="1">
      <alignment horizontal="right" vertical="center"/>
    </xf>
    <xf numFmtId="0" fontId="15" fillId="0" borderId="55" xfId="0" applyFont="1" applyBorder="1" applyAlignment="1" applyProtection="1">
      <alignment horizontal="left" vertical="center"/>
      <protection locked="0"/>
    </xf>
    <xf numFmtId="0" fontId="11" fillId="2" borderId="55" xfId="0" applyFont="1" applyFill="1" applyBorder="1" applyAlignment="1">
      <alignment horizontal="center" vertical="center"/>
    </xf>
    <xf numFmtId="0" fontId="0" fillId="0" borderId="55" xfId="0" applyBorder="1">
      <alignment vertical="center"/>
    </xf>
    <xf numFmtId="0" fontId="15" fillId="0" borderId="53" xfId="0" applyFont="1" applyBorder="1" applyAlignment="1">
      <alignment horizontal="center" vertical="center"/>
    </xf>
    <xf numFmtId="0" fontId="11" fillId="2" borderId="55" xfId="0" applyFont="1" applyFill="1" applyBorder="1">
      <alignment vertical="center"/>
    </xf>
    <xf numFmtId="0" fontId="7" fillId="0" borderId="55" xfId="0" applyFont="1" applyBorder="1">
      <alignment vertical="center"/>
    </xf>
    <xf numFmtId="0" fontId="15" fillId="0" borderId="55" xfId="0" applyFont="1" applyBorder="1" applyProtection="1">
      <alignment vertical="center"/>
      <protection locked="0"/>
    </xf>
    <xf numFmtId="0" fontId="0" fillId="0" borderId="11" xfId="0" applyBorder="1">
      <alignment vertical="center"/>
    </xf>
    <xf numFmtId="0" fontId="0" fillId="0" borderId="11" xfId="0" applyBorder="1" applyAlignment="1">
      <alignment vertical="center" wrapText="1"/>
    </xf>
    <xf numFmtId="0" fontId="15" fillId="0" borderId="11" xfId="0" applyFont="1" applyBorder="1">
      <alignment vertical="center"/>
    </xf>
    <xf numFmtId="0" fontId="20" fillId="4" borderId="55" xfId="0" applyFont="1" applyFill="1" applyBorder="1" applyAlignment="1">
      <alignment horizontal="center" vertical="center"/>
    </xf>
    <xf numFmtId="0" fontId="28" fillId="0" borderId="4" xfId="0" applyFont="1" applyBorder="1">
      <alignment vertical="center"/>
    </xf>
    <xf numFmtId="0" fontId="28" fillId="0" borderId="0" xfId="0" applyFont="1">
      <alignment vertical="center"/>
    </xf>
    <xf numFmtId="0" fontId="11" fillId="2" borderId="58" xfId="0" applyFont="1" applyFill="1" applyBorder="1" applyAlignment="1">
      <alignment horizontal="center" vertical="center"/>
    </xf>
    <xf numFmtId="0" fontId="15" fillId="3" borderId="58" xfId="0" applyFont="1" applyFill="1" applyBorder="1" applyAlignment="1" applyProtection="1">
      <alignment horizontal="center" vertical="center"/>
      <protection locked="0"/>
    </xf>
    <xf numFmtId="0" fontId="11" fillId="2" borderId="60" xfId="0" applyFont="1" applyFill="1" applyBorder="1" applyAlignment="1">
      <alignment horizontal="center" vertical="center"/>
    </xf>
    <xf numFmtId="0" fontId="11" fillId="0" borderId="53" xfId="0" applyFont="1" applyBorder="1" applyAlignment="1">
      <alignment horizontal="center" vertical="center"/>
    </xf>
    <xf numFmtId="0" fontId="10" fillId="2" borderId="55" xfId="0" applyFont="1" applyFill="1" applyBorder="1">
      <alignment vertical="center"/>
    </xf>
    <xf numFmtId="0" fontId="20" fillId="4" borderId="55" xfId="0" applyFont="1" applyFill="1" applyBorder="1">
      <alignment vertical="center"/>
    </xf>
    <xf numFmtId="0" fontId="15" fillId="0" borderId="54" xfId="0" applyFont="1" applyBorder="1" applyAlignment="1">
      <alignment horizontal="center" vertical="center"/>
    </xf>
    <xf numFmtId="0" fontId="15" fillId="0" borderId="55" xfId="0" applyFont="1" applyBorder="1" applyAlignment="1" applyProtection="1">
      <alignment horizontal="center" vertical="center"/>
      <protection locked="0"/>
    </xf>
    <xf numFmtId="0" fontId="23" fillId="2" borderId="0" xfId="0" applyFont="1" applyFill="1" applyAlignment="1">
      <alignment horizontal="left" vertical="center"/>
    </xf>
    <xf numFmtId="0" fontId="0" fillId="0" borderId="8" xfId="0" applyBorder="1">
      <alignment vertical="center"/>
    </xf>
    <xf numFmtId="0" fontId="0" fillId="0" borderId="56" xfId="0" applyBorder="1">
      <alignment vertical="center"/>
    </xf>
    <xf numFmtId="0" fontId="0" fillId="0" borderId="6" xfId="0" applyBorder="1">
      <alignment vertical="center"/>
    </xf>
    <xf numFmtId="0" fontId="20" fillId="0" borderId="8" xfId="0" applyFont="1" applyBorder="1">
      <alignment vertical="center"/>
    </xf>
    <xf numFmtId="0" fontId="15" fillId="0" borderId="12" xfId="0" applyFont="1" applyBorder="1" applyAlignment="1">
      <alignment vertical="center" wrapText="1"/>
    </xf>
    <xf numFmtId="0" fontId="0" fillId="0" borderId="12" xfId="0" applyBorder="1">
      <alignment vertical="center"/>
    </xf>
    <xf numFmtId="0" fontId="0" fillId="0" borderId="49" xfId="0" applyBorder="1">
      <alignment vertical="center"/>
    </xf>
    <xf numFmtId="0" fontId="0" fillId="0" borderId="2" xfId="0" applyBorder="1">
      <alignment vertical="center"/>
    </xf>
    <xf numFmtId="0" fontId="0" fillId="0" borderId="1" xfId="0" applyBorder="1">
      <alignment vertical="center"/>
    </xf>
    <xf numFmtId="49" fontId="15" fillId="2" borderId="4" xfId="0" applyNumberFormat="1" applyFont="1" applyFill="1" applyBorder="1" applyAlignment="1">
      <alignment horizontal="center" vertical="center"/>
    </xf>
    <xf numFmtId="0" fontId="11" fillId="0" borderId="4" xfId="0" applyFont="1" applyBorder="1">
      <alignment vertical="center"/>
    </xf>
    <xf numFmtId="0" fontId="0" fillId="0" borderId="4" xfId="0" applyBorder="1">
      <alignment vertical="center"/>
    </xf>
    <xf numFmtId="0" fontId="20" fillId="2" borderId="25" xfId="0" applyFont="1" applyFill="1" applyBorder="1" applyAlignment="1">
      <alignment horizontal="left" vertical="center"/>
    </xf>
    <xf numFmtId="0" fontId="12" fillId="0" borderId="63" xfId="0" applyFont="1" applyBorder="1" applyAlignment="1">
      <alignment vertical="center" wrapText="1"/>
    </xf>
    <xf numFmtId="0" fontId="5" fillId="5" borderId="0" xfId="4" applyFill="1" applyAlignment="1">
      <alignment horizontal="center" vertical="center"/>
    </xf>
    <xf numFmtId="0" fontId="20" fillId="4" borderId="64" xfId="4" applyFont="1" applyFill="1" applyBorder="1" applyAlignment="1" applyProtection="1">
      <alignment horizontal="left" vertical="center"/>
    </xf>
    <xf numFmtId="0" fontId="20" fillId="4" borderId="64" xfId="4" applyFont="1" applyFill="1" applyBorder="1" applyAlignment="1" applyProtection="1">
      <alignment horizontal="center" vertical="center"/>
    </xf>
    <xf numFmtId="0" fontId="21" fillId="3" borderId="67" xfId="0" applyFont="1" applyFill="1" applyBorder="1" applyProtection="1">
      <alignment vertical="center"/>
      <protection locked="0"/>
    </xf>
    <xf numFmtId="0" fontId="20" fillId="0" borderId="67" xfId="0" applyFont="1" applyBorder="1">
      <alignment vertical="center"/>
    </xf>
    <xf numFmtId="0" fontId="0" fillId="0" borderId="69" xfId="0" applyBorder="1">
      <alignment vertical="center"/>
    </xf>
    <xf numFmtId="0" fontId="11" fillId="2" borderId="71" xfId="0" applyFont="1" applyFill="1" applyBorder="1" applyAlignment="1">
      <alignment horizontal="center" vertical="center"/>
    </xf>
    <xf numFmtId="0" fontId="11" fillId="0" borderId="71" xfId="0" applyFont="1" applyBorder="1">
      <alignment vertical="center"/>
    </xf>
    <xf numFmtId="0" fontId="15" fillId="0" borderId="71" xfId="0" applyFont="1" applyBorder="1">
      <alignment vertical="center"/>
    </xf>
    <xf numFmtId="0" fontId="20" fillId="4" borderId="71" xfId="0" applyFont="1" applyFill="1" applyBorder="1" applyAlignment="1">
      <alignment horizontal="center" vertical="center"/>
    </xf>
    <xf numFmtId="0" fontId="20" fillId="4" borderId="71" xfId="0" applyFont="1" applyFill="1" applyBorder="1">
      <alignment vertical="center"/>
    </xf>
    <xf numFmtId="0" fontId="0" fillId="0" borderId="73" xfId="0" applyBorder="1">
      <alignment vertical="center"/>
    </xf>
    <xf numFmtId="0" fontId="0" fillId="0" borderId="71" xfId="0" applyBorder="1">
      <alignment vertical="center"/>
    </xf>
    <xf numFmtId="0" fontId="11" fillId="2" borderId="71" xfId="0" applyFont="1" applyFill="1" applyBorder="1">
      <alignment vertical="center"/>
    </xf>
    <xf numFmtId="0" fontId="11" fillId="0" borderId="71" xfId="0" applyFont="1" applyBorder="1" applyAlignment="1">
      <alignment vertical="center" shrinkToFit="1"/>
    </xf>
    <xf numFmtId="0" fontId="11" fillId="3" borderId="71" xfId="0" applyFont="1" applyFill="1" applyBorder="1" applyAlignment="1" applyProtection="1">
      <alignment vertical="center" shrinkToFit="1"/>
      <protection locked="0"/>
    </xf>
    <xf numFmtId="6" fontId="11" fillId="0" borderId="71" xfId="5" applyFont="1" applyBorder="1" applyAlignment="1">
      <alignment vertical="center" shrinkToFit="1"/>
    </xf>
    <xf numFmtId="0" fontId="0" fillId="0" borderId="63" xfId="0" applyBorder="1">
      <alignment vertical="center"/>
    </xf>
    <xf numFmtId="176" fontId="0" fillId="0" borderId="63" xfId="0" quotePrefix="1" applyNumberFormat="1" applyBorder="1" applyAlignment="1">
      <alignment horizontal="left" vertical="center"/>
    </xf>
    <xf numFmtId="0" fontId="0" fillId="0" borderId="63" xfId="0" applyBorder="1" applyAlignment="1">
      <alignment horizontal="left" vertical="center"/>
    </xf>
    <xf numFmtId="176" fontId="0" fillId="0" borderId="63" xfId="0" applyNumberFormat="1" applyBorder="1" applyAlignment="1">
      <alignment horizontal="left" vertical="center"/>
    </xf>
    <xf numFmtId="0" fontId="13" fillId="0" borderId="63" xfId="0" applyFont="1" applyBorder="1">
      <alignment vertical="center"/>
    </xf>
    <xf numFmtId="0" fontId="13" fillId="0" borderId="63" xfId="0" applyFont="1" applyBorder="1" applyAlignment="1">
      <alignment vertical="center" wrapText="1"/>
    </xf>
    <xf numFmtId="0" fontId="12" fillId="0" borderId="63" xfId="0" applyFont="1" applyBorder="1">
      <alignment vertical="center"/>
    </xf>
    <xf numFmtId="0" fontId="12" fillId="0" borderId="63" xfId="0" applyFont="1" applyBorder="1" applyAlignment="1">
      <alignment horizontal="left" vertical="center" wrapText="1"/>
    </xf>
    <xf numFmtId="0" fontId="23" fillId="3" borderId="8" xfId="0" applyFont="1" applyFill="1" applyBorder="1" applyAlignment="1">
      <alignment horizontal="left" vertical="center"/>
    </xf>
    <xf numFmtId="0" fontId="0" fillId="0" borderId="8" xfId="0" applyBorder="1" applyAlignment="1">
      <alignment vertical="center"/>
    </xf>
    <xf numFmtId="0" fontId="11" fillId="3" borderId="12" xfId="0" applyFont="1" applyFill="1" applyBorder="1" applyAlignment="1">
      <alignment vertical="center"/>
    </xf>
    <xf numFmtId="0" fontId="0" fillId="0" borderId="12" xfId="0" applyBorder="1" applyAlignment="1">
      <alignment vertical="center"/>
    </xf>
    <xf numFmtId="0" fontId="11" fillId="3" borderId="12" xfId="0" applyFont="1" applyFill="1" applyBorder="1" applyAlignment="1" applyProtection="1">
      <alignment horizontal="center" vertical="center" shrinkToFit="1"/>
      <protection locked="0"/>
    </xf>
    <xf numFmtId="0" fontId="0" fillId="0" borderId="12" xfId="0" applyBorder="1" applyAlignment="1">
      <alignment horizontal="center" vertical="center" shrinkToFit="1"/>
    </xf>
    <xf numFmtId="0" fontId="6" fillId="0" borderId="0" xfId="0" applyFont="1" applyAlignment="1">
      <alignment horizontal="center" vertical="center"/>
    </xf>
    <xf numFmtId="0" fontId="19" fillId="0" borderId="1" xfId="0" applyFont="1" applyBorder="1" applyAlignment="1" applyProtection="1">
      <alignment horizontal="center" vertical="center"/>
      <protection locked="0"/>
    </xf>
    <xf numFmtId="0" fontId="7" fillId="0" borderId="0" xfId="0" applyFont="1" applyAlignment="1">
      <alignment horizontal="center" vertical="center"/>
    </xf>
    <xf numFmtId="0" fontId="15" fillId="0" borderId="0" xfId="4" applyFont="1" applyFill="1" applyBorder="1" applyAlignment="1" applyProtection="1">
      <alignment horizontal="center" vertical="center"/>
    </xf>
    <xf numFmtId="0" fontId="20" fillId="4" borderId="25" xfId="4" applyFont="1" applyFill="1" applyBorder="1" applyAlignment="1" applyProtection="1">
      <alignment horizontal="center" vertical="center"/>
    </xf>
    <xf numFmtId="0" fontId="20" fillId="3" borderId="25" xfId="4" applyFont="1" applyFill="1" applyBorder="1" applyAlignment="1" applyProtection="1">
      <alignment horizontal="center" vertical="center"/>
    </xf>
    <xf numFmtId="177" fontId="20" fillId="3" borderId="25" xfId="0" applyNumberFormat="1" applyFont="1" applyFill="1" applyBorder="1" applyAlignment="1" applyProtection="1">
      <alignment horizontal="center" vertical="center"/>
      <protection locked="0"/>
    </xf>
    <xf numFmtId="0" fontId="20" fillId="4" borderId="64" xfId="4" applyFont="1" applyFill="1" applyBorder="1" applyAlignment="1" applyProtection="1">
      <alignment horizontal="left" vertical="center"/>
    </xf>
    <xf numFmtId="0" fontId="20" fillId="3" borderId="64" xfId="4" applyFont="1" applyFill="1" applyBorder="1" applyAlignment="1" applyProtection="1">
      <alignment horizontal="left" vertical="center"/>
      <protection locked="0"/>
    </xf>
    <xf numFmtId="0" fontId="0" fillId="0" borderId="25" xfId="0" applyBorder="1" applyAlignment="1">
      <alignment horizontal="center" vertical="center"/>
    </xf>
    <xf numFmtId="49" fontId="20" fillId="3" borderId="64" xfId="4" applyNumberFormat="1" applyFont="1" applyFill="1" applyBorder="1" applyAlignment="1" applyProtection="1">
      <alignment horizontal="center" vertical="center"/>
      <protection locked="0"/>
    </xf>
    <xf numFmtId="0" fontId="20" fillId="0" borderId="0" xfId="0" applyFont="1" applyAlignment="1" applyProtection="1">
      <alignment horizontal="left" vertical="center"/>
      <protection locked="0"/>
    </xf>
    <xf numFmtId="0" fontId="20" fillId="4" borderId="65" xfId="4" applyFont="1" applyFill="1" applyBorder="1" applyAlignment="1" applyProtection="1">
      <alignment horizontal="left" vertical="center"/>
    </xf>
    <xf numFmtId="0" fontId="20" fillId="3" borderId="65" xfId="4" applyFont="1" applyFill="1" applyBorder="1" applyAlignment="1" applyProtection="1">
      <alignment horizontal="left" vertical="center"/>
      <protection locked="0"/>
    </xf>
    <xf numFmtId="0" fontId="20" fillId="0" borderId="0" xfId="0" applyFont="1" applyAlignment="1" applyProtection="1">
      <alignment horizontal="left" vertical="center" shrinkToFit="1"/>
      <protection locked="0"/>
    </xf>
    <xf numFmtId="0" fontId="20" fillId="0" borderId="0" xfId="0" applyFont="1" applyAlignment="1">
      <alignment horizontal="left" vertical="center"/>
    </xf>
    <xf numFmtId="0" fontId="20" fillId="0" borderId="0" xfId="0" applyFont="1" applyAlignment="1">
      <alignment horizontal="center" vertical="center"/>
    </xf>
    <xf numFmtId="0" fontId="20" fillId="0" borderId="0" xfId="0" applyFont="1" applyAlignment="1" applyProtection="1">
      <alignment horizontal="center" vertical="center"/>
      <protection locked="0"/>
    </xf>
    <xf numFmtId="0" fontId="0" fillId="0" borderId="64" xfId="0" applyBorder="1" applyAlignment="1">
      <alignment horizontal="center" vertical="center"/>
    </xf>
    <xf numFmtId="0" fontId="20" fillId="3" borderId="64" xfId="4" applyFont="1" applyFill="1" applyBorder="1" applyAlignment="1" applyProtection="1">
      <alignment horizontal="center" vertical="center"/>
    </xf>
    <xf numFmtId="0" fontId="0" fillId="3" borderId="64" xfId="0" applyFill="1" applyBorder="1" applyAlignment="1">
      <alignment horizontal="center" vertical="center"/>
    </xf>
    <xf numFmtId="0" fontId="24" fillId="4" borderId="65" xfId="0" applyFont="1" applyFill="1" applyBorder="1" applyAlignment="1">
      <alignment horizontal="center" vertical="center"/>
    </xf>
    <xf numFmtId="0" fontId="15" fillId="0" borderId="19" xfId="0" applyFont="1" applyBorder="1" applyAlignment="1">
      <alignment horizontal="center" vertical="center"/>
    </xf>
    <xf numFmtId="0" fontId="15" fillId="0" borderId="20" xfId="0" applyFont="1" applyBorder="1" applyAlignment="1">
      <alignment horizontal="center" vertical="center"/>
    </xf>
    <xf numFmtId="0" fontId="15" fillId="0" borderId="21" xfId="0" applyFont="1" applyBorder="1" applyAlignment="1">
      <alignment horizontal="center" vertical="center"/>
    </xf>
    <xf numFmtId="0" fontId="15" fillId="0" borderId="57" xfId="0" applyFont="1" applyBorder="1" applyAlignment="1">
      <alignment horizontal="center" vertical="center"/>
    </xf>
    <xf numFmtId="0" fontId="15" fillId="0" borderId="14" xfId="0" applyFont="1" applyBorder="1" applyAlignment="1">
      <alignment horizontal="center" vertical="center"/>
    </xf>
    <xf numFmtId="0" fontId="15" fillId="0" borderId="15" xfId="0" applyFont="1" applyBorder="1" applyAlignment="1">
      <alignment horizontal="center" vertical="center"/>
    </xf>
    <xf numFmtId="0" fontId="15" fillId="0" borderId="16" xfId="0" applyFont="1" applyBorder="1" applyAlignment="1">
      <alignment horizontal="center" vertical="center"/>
    </xf>
    <xf numFmtId="0" fontId="15" fillId="0" borderId="14" xfId="4" applyFont="1" applyBorder="1" applyAlignment="1" applyProtection="1">
      <alignment horizontal="center" vertical="center"/>
    </xf>
    <xf numFmtId="0" fontId="15" fillId="0" borderId="15" xfId="4" applyFont="1" applyBorder="1" applyAlignment="1" applyProtection="1">
      <alignment horizontal="center" vertical="center"/>
    </xf>
    <xf numFmtId="0" fontId="15" fillId="0" borderId="16" xfId="4" applyFont="1" applyBorder="1" applyAlignment="1" applyProtection="1">
      <alignment horizontal="center" vertical="center"/>
    </xf>
    <xf numFmtId="0" fontId="23" fillId="3" borderId="8" xfId="0" applyFont="1" applyFill="1" applyBorder="1" applyAlignment="1" applyProtection="1">
      <alignment horizontal="left" vertical="center"/>
      <protection locked="0"/>
    </xf>
    <xf numFmtId="49" fontId="20" fillId="0" borderId="0" xfId="4" applyNumberFormat="1" applyFont="1" applyFill="1" applyBorder="1" applyAlignment="1" applyProtection="1">
      <alignment horizontal="center" vertical="center"/>
      <protection locked="0"/>
    </xf>
    <xf numFmtId="0" fontId="11" fillId="0" borderId="5" xfId="0" applyFont="1" applyBorder="1" applyAlignment="1">
      <alignment horizontal="center" vertical="center" wrapText="1"/>
    </xf>
    <xf numFmtId="0" fontId="11" fillId="0" borderId="4" xfId="0" applyFont="1" applyBorder="1" applyAlignment="1">
      <alignment horizontal="center" vertical="center" wrapText="1"/>
    </xf>
    <xf numFmtId="0" fontId="11" fillId="0" borderId="6" xfId="0" applyFont="1" applyBorder="1" applyAlignment="1">
      <alignment horizontal="center" vertical="center" wrapText="1"/>
    </xf>
    <xf numFmtId="0" fontId="11" fillId="0" borderId="23" xfId="0" applyFont="1" applyBorder="1" applyAlignment="1">
      <alignment horizontal="center" vertical="center" wrapText="1"/>
    </xf>
    <xf numFmtId="0" fontId="11" fillId="0" borderId="12" xfId="0" applyFont="1" applyBorder="1" applyAlignment="1">
      <alignment horizontal="center" vertical="center" wrapText="1"/>
    </xf>
    <xf numFmtId="0" fontId="11" fillId="0" borderId="17" xfId="0" applyFont="1" applyBorder="1" applyAlignment="1">
      <alignment horizontal="center" vertical="center" wrapText="1"/>
    </xf>
    <xf numFmtId="0" fontId="15" fillId="3" borderId="23" xfId="0" applyFont="1" applyFill="1" applyBorder="1" applyAlignment="1" applyProtection="1">
      <alignment horizontal="center" vertical="center"/>
      <protection locked="0"/>
    </xf>
    <xf numFmtId="0" fontId="15" fillId="3" borderId="12" xfId="0" applyFont="1" applyFill="1" applyBorder="1" applyAlignment="1" applyProtection="1">
      <alignment horizontal="center" vertical="center"/>
      <protection locked="0"/>
    </xf>
    <xf numFmtId="0" fontId="0" fillId="0" borderId="16" xfId="0" applyBorder="1" applyAlignment="1">
      <alignment horizontal="center" vertical="center"/>
    </xf>
    <xf numFmtId="0" fontId="15" fillId="0" borderId="5" xfId="0" applyFont="1" applyBorder="1" applyAlignment="1">
      <alignment horizontal="center" vertical="center"/>
    </xf>
    <xf numFmtId="0" fontId="15" fillId="0" borderId="4" xfId="0" applyFont="1" applyBorder="1" applyAlignment="1">
      <alignment horizontal="center" vertical="center"/>
    </xf>
    <xf numFmtId="0" fontId="15" fillId="0" borderId="6" xfId="0"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23" fillId="0" borderId="22" xfId="0" applyFont="1" applyBorder="1" applyAlignment="1">
      <alignment horizontal="center" vertical="center" wrapText="1"/>
    </xf>
    <xf numFmtId="0" fontId="23" fillId="0" borderId="12" xfId="0" applyFont="1" applyBorder="1" applyAlignment="1">
      <alignment horizontal="center" vertical="center"/>
    </xf>
    <xf numFmtId="0" fontId="23" fillId="0" borderId="17" xfId="0" applyFont="1" applyBorder="1" applyAlignment="1">
      <alignment horizontal="center" vertical="center"/>
    </xf>
    <xf numFmtId="0" fontId="15" fillId="3" borderId="23" xfId="0" applyFont="1" applyFill="1" applyBorder="1" applyAlignment="1" applyProtection="1">
      <alignment horizontal="left" vertical="center"/>
      <protection locked="0"/>
    </xf>
    <xf numFmtId="0" fontId="15" fillId="3" borderId="12" xfId="0" applyFont="1" applyFill="1" applyBorder="1" applyAlignment="1" applyProtection="1">
      <alignment horizontal="left" vertical="center"/>
      <protection locked="0"/>
    </xf>
    <xf numFmtId="0" fontId="15" fillId="0" borderId="5" xfId="0" applyFont="1" applyBorder="1" applyAlignment="1">
      <alignment horizontal="center" vertical="center" wrapText="1"/>
    </xf>
    <xf numFmtId="0" fontId="15" fillId="3" borderId="46" xfId="0" applyFont="1" applyFill="1" applyBorder="1" applyAlignment="1" applyProtection="1">
      <alignment horizontal="left" vertical="center" wrapText="1"/>
      <protection locked="0"/>
    </xf>
    <xf numFmtId="0" fontId="15" fillId="3" borderId="47" xfId="0" applyFont="1" applyFill="1" applyBorder="1" applyAlignment="1" applyProtection="1">
      <alignment horizontal="left" vertical="center" wrapText="1"/>
      <protection locked="0"/>
    </xf>
    <xf numFmtId="0" fontId="15" fillId="3" borderId="48" xfId="0" applyFont="1" applyFill="1" applyBorder="1" applyAlignment="1" applyProtection="1">
      <alignment horizontal="left" vertical="center" wrapText="1"/>
      <protection locked="0"/>
    </xf>
    <xf numFmtId="0" fontId="15" fillId="0" borderId="27" xfId="0" applyFont="1" applyBorder="1" applyAlignment="1">
      <alignment horizontal="center" vertical="center"/>
    </xf>
    <xf numFmtId="0" fontId="15" fillId="0" borderId="28" xfId="0" applyFont="1" applyBorder="1" applyAlignment="1">
      <alignment horizontal="center" vertical="center"/>
    </xf>
    <xf numFmtId="0" fontId="15" fillId="0" borderId="29" xfId="0" applyFont="1" applyBorder="1" applyAlignment="1">
      <alignment horizontal="center" vertical="center"/>
    </xf>
    <xf numFmtId="0" fontId="15" fillId="3" borderId="7" xfId="0" applyFont="1" applyFill="1" applyBorder="1" applyAlignment="1" applyProtection="1">
      <alignment horizontal="left" vertical="center"/>
      <protection locked="0"/>
    </xf>
    <xf numFmtId="0" fontId="15" fillId="3" borderId="8" xfId="0" applyFont="1" applyFill="1" applyBorder="1" applyAlignment="1" applyProtection="1">
      <alignment horizontal="left" vertical="center"/>
      <protection locked="0"/>
    </xf>
    <xf numFmtId="0" fontId="21" fillId="0" borderId="66" xfId="0" applyFont="1" applyBorder="1" applyAlignment="1">
      <alignment horizontal="center" vertical="center"/>
    </xf>
    <xf numFmtId="0" fontId="21" fillId="0" borderId="67" xfId="0" applyFont="1" applyBorder="1" applyAlignment="1">
      <alignment horizontal="center" vertical="center"/>
    </xf>
    <xf numFmtId="0" fontId="0" fillId="0" borderId="67" xfId="0" applyBorder="1" applyAlignment="1">
      <alignment horizontal="center" vertical="center"/>
    </xf>
    <xf numFmtId="0" fontId="21" fillId="3" borderId="8" xfId="0" applyFont="1" applyFill="1" applyBorder="1" applyAlignment="1" applyProtection="1">
      <alignment horizontal="center" vertical="center"/>
      <protection locked="0"/>
    </xf>
    <xf numFmtId="0" fontId="15" fillId="3" borderId="55" xfId="0" applyFont="1" applyFill="1" applyBorder="1" applyAlignment="1" applyProtection="1">
      <alignment horizontal="center" vertical="center"/>
      <protection locked="0"/>
    </xf>
    <xf numFmtId="0" fontId="0" fillId="0" borderId="55" xfId="0" applyBorder="1" applyAlignment="1">
      <alignment horizontal="center" vertical="center"/>
    </xf>
    <xf numFmtId="0" fontId="20" fillId="0" borderId="4" xfId="0" applyFont="1" applyBorder="1" applyAlignment="1">
      <alignment horizontal="center" vertical="center"/>
    </xf>
    <xf numFmtId="0" fontId="20" fillId="0" borderId="1" xfId="0" applyFont="1" applyBorder="1" applyAlignment="1">
      <alignment horizontal="center" vertical="center"/>
    </xf>
    <xf numFmtId="0" fontId="20" fillId="3" borderId="4" xfId="0" applyFont="1" applyFill="1" applyBorder="1" applyAlignment="1" applyProtection="1">
      <alignment horizontal="center" vertical="center"/>
      <protection locked="0"/>
    </xf>
    <xf numFmtId="0" fontId="20" fillId="3" borderId="1" xfId="0" applyFont="1" applyFill="1" applyBorder="1" applyAlignment="1" applyProtection="1">
      <alignment horizontal="center" vertical="center"/>
      <protection locked="0"/>
    </xf>
    <xf numFmtId="0" fontId="15" fillId="3" borderId="57" xfId="0" applyFont="1" applyFill="1" applyBorder="1" applyAlignment="1" applyProtection="1">
      <alignment horizontal="left" vertical="center"/>
      <protection locked="0"/>
    </xf>
    <xf numFmtId="0" fontId="15" fillId="3" borderId="55" xfId="0" applyFont="1" applyFill="1" applyBorder="1" applyAlignment="1" applyProtection="1">
      <alignment horizontal="left" vertical="center"/>
      <protection locked="0"/>
    </xf>
    <xf numFmtId="0" fontId="15" fillId="3" borderId="56" xfId="0" applyFont="1" applyFill="1" applyBorder="1" applyAlignment="1" applyProtection="1">
      <alignment horizontal="left" vertical="center"/>
      <protection locked="0"/>
    </xf>
    <xf numFmtId="0" fontId="15" fillId="0" borderId="7" xfId="0" applyFont="1" applyBorder="1" applyAlignment="1">
      <alignment horizontal="center" vertical="center"/>
    </xf>
    <xf numFmtId="0" fontId="15" fillId="0" borderId="8" xfId="0" applyFont="1" applyBorder="1" applyAlignment="1">
      <alignment horizontal="center" vertical="center"/>
    </xf>
    <xf numFmtId="0" fontId="15" fillId="0" borderId="9" xfId="0" applyFont="1" applyBorder="1" applyAlignment="1">
      <alignment horizontal="center" vertical="center"/>
    </xf>
    <xf numFmtId="0" fontId="11" fillId="0" borderId="14" xfId="0" applyFont="1" applyBorder="1" applyAlignment="1">
      <alignment horizontal="center" vertical="center"/>
    </xf>
    <xf numFmtId="0" fontId="11" fillId="0" borderId="15" xfId="0" applyFont="1" applyBorder="1" applyAlignment="1">
      <alignment horizontal="center" vertical="center"/>
    </xf>
    <xf numFmtId="0" fontId="11" fillId="0" borderId="16" xfId="0" applyFont="1" applyBorder="1" applyAlignment="1">
      <alignment horizontal="center" vertical="center"/>
    </xf>
    <xf numFmtId="0" fontId="11" fillId="0" borderId="11" xfId="0" applyFont="1" applyBorder="1" applyAlignment="1">
      <alignment horizontal="center" vertical="center" wrapText="1"/>
    </xf>
    <xf numFmtId="0" fontId="11" fillId="0" borderId="0" xfId="0" applyFont="1" applyAlignment="1">
      <alignment horizontal="center" vertical="center" wrapText="1"/>
    </xf>
    <xf numFmtId="0" fontId="11" fillId="0" borderId="2" xfId="0" applyFont="1" applyBorder="1" applyAlignment="1">
      <alignment horizontal="center" vertical="center" wrapText="1"/>
    </xf>
    <xf numFmtId="0" fontId="11" fillId="0" borderId="7" xfId="0" applyFont="1" applyBorder="1" applyAlignment="1">
      <alignment horizontal="center" vertical="center" wrapText="1"/>
    </xf>
    <xf numFmtId="0" fontId="11" fillId="0" borderId="8" xfId="0" applyFont="1" applyBorder="1" applyAlignment="1">
      <alignment horizontal="center" vertical="center" wrapText="1"/>
    </xf>
    <xf numFmtId="0" fontId="11" fillId="0" borderId="9" xfId="0" applyFont="1" applyBorder="1" applyAlignment="1">
      <alignment horizontal="center" vertical="center" wrapText="1"/>
    </xf>
    <xf numFmtId="0" fontId="23" fillId="0" borderId="36" xfId="0" applyFont="1" applyBorder="1" applyAlignment="1">
      <alignment horizontal="center" vertical="center"/>
    </xf>
    <xf numFmtId="0" fontId="23" fillId="0" borderId="43" xfId="0" applyFont="1" applyBorder="1" applyAlignment="1">
      <alignment horizontal="center" vertical="center"/>
    </xf>
    <xf numFmtId="0" fontId="21" fillId="0" borderId="38" xfId="0" applyFont="1" applyBorder="1" applyAlignment="1">
      <alignment horizontal="center" vertical="center" wrapText="1"/>
    </xf>
    <xf numFmtId="0" fontId="21" fillId="0" borderId="39" xfId="0" applyFont="1" applyBorder="1" applyAlignment="1">
      <alignment horizontal="center" vertical="center" wrapText="1"/>
    </xf>
    <xf numFmtId="0" fontId="21" fillId="0" borderId="40" xfId="0" applyFont="1" applyBorder="1" applyAlignment="1">
      <alignment horizontal="center" vertical="center" wrapText="1"/>
    </xf>
    <xf numFmtId="0" fontId="21" fillId="0" borderId="41" xfId="0" applyFont="1" applyBorder="1" applyAlignment="1">
      <alignment horizontal="center" vertical="center" wrapText="1"/>
    </xf>
    <xf numFmtId="0" fontId="20" fillId="0" borderId="42" xfId="0" applyFont="1" applyBorder="1" applyAlignment="1">
      <alignment horizontal="center" vertical="center"/>
    </xf>
    <xf numFmtId="0" fontId="20" fillId="0" borderId="37" xfId="0" applyFont="1" applyBorder="1" applyAlignment="1">
      <alignment horizontal="center" vertical="center"/>
    </xf>
    <xf numFmtId="0" fontId="23" fillId="0" borderId="30" xfId="0" applyFont="1" applyBorder="1" applyAlignment="1">
      <alignment horizontal="center" vertical="center"/>
    </xf>
    <xf numFmtId="0" fontId="23" fillId="0" borderId="45" xfId="0" applyFont="1" applyBorder="1" applyAlignment="1">
      <alignment horizontal="center" vertical="center"/>
    </xf>
    <xf numFmtId="0" fontId="15" fillId="0" borderId="68" xfId="0" applyFont="1" applyBorder="1" applyAlignment="1">
      <alignment horizontal="center" vertical="center"/>
    </xf>
    <xf numFmtId="0" fontId="15" fillId="0" borderId="49" xfId="0" applyFont="1" applyBorder="1" applyAlignment="1">
      <alignment horizontal="center" vertical="center"/>
    </xf>
    <xf numFmtId="0" fontId="15" fillId="0" borderId="50" xfId="0" applyFont="1" applyBorder="1" applyAlignment="1">
      <alignment horizontal="center" vertical="center"/>
    </xf>
    <xf numFmtId="0" fontId="11" fillId="0" borderId="51" xfId="0" applyFont="1" applyBorder="1" applyAlignment="1">
      <alignment horizontal="center" vertical="center"/>
    </xf>
    <xf numFmtId="0" fontId="11" fillId="0" borderId="49" xfId="0" applyFont="1" applyBorder="1" applyAlignment="1">
      <alignment horizontal="center" vertical="center"/>
    </xf>
    <xf numFmtId="0" fontId="15" fillId="3" borderId="49" xfId="0" applyFont="1" applyFill="1" applyBorder="1" applyAlignment="1" applyProtection="1">
      <alignment horizontal="center" vertical="center"/>
      <protection locked="0"/>
    </xf>
    <xf numFmtId="0" fontId="15" fillId="3" borderId="1" xfId="0" applyFont="1" applyFill="1" applyBorder="1" applyAlignment="1" applyProtection="1">
      <alignment horizontal="center" vertical="center"/>
      <protection locked="0"/>
    </xf>
    <xf numFmtId="0" fontId="15" fillId="0" borderId="24" xfId="0" applyFont="1" applyBorder="1" applyAlignment="1">
      <alignment horizontal="center" vertical="center"/>
    </xf>
    <xf numFmtId="0" fontId="11" fillId="0" borderId="49" xfId="0" applyFont="1" applyBorder="1" applyAlignment="1">
      <alignment horizontal="center" vertical="center" shrinkToFit="1"/>
    </xf>
    <xf numFmtId="0" fontId="11" fillId="2" borderId="11" xfId="0" applyFont="1" applyFill="1" applyBorder="1" applyAlignment="1">
      <alignment horizontal="center" vertical="center" wrapText="1"/>
    </xf>
    <xf numFmtId="0" fontId="11" fillId="2" borderId="0" xfId="0" applyFont="1" applyFill="1" applyAlignment="1">
      <alignment horizontal="center" vertical="center" wrapText="1"/>
    </xf>
    <xf numFmtId="0" fontId="11" fillId="3" borderId="0" xfId="0" applyFont="1" applyFill="1" applyAlignment="1" applyProtection="1">
      <alignment horizontal="center" vertical="center"/>
      <protection locked="0"/>
    </xf>
    <xf numFmtId="0" fontId="11" fillId="3" borderId="1" xfId="0" applyFont="1" applyFill="1" applyBorder="1" applyAlignment="1" applyProtection="1">
      <alignment horizontal="center" vertical="center"/>
      <protection locked="0"/>
    </xf>
    <xf numFmtId="0" fontId="20" fillId="3" borderId="49" xfId="0" applyFont="1" applyFill="1" applyBorder="1" applyAlignment="1" applyProtection="1">
      <alignment horizontal="center" vertical="center"/>
      <protection locked="0"/>
    </xf>
    <xf numFmtId="178" fontId="11" fillId="3" borderId="49" xfId="0" applyNumberFormat="1" applyFont="1" applyFill="1" applyBorder="1" applyAlignment="1" applyProtection="1">
      <alignment horizontal="center" vertical="center"/>
      <protection locked="0"/>
    </xf>
    <xf numFmtId="0" fontId="20" fillId="0" borderId="49" xfId="0" applyFont="1" applyBorder="1" applyAlignment="1">
      <alignment horizontal="center" vertical="center"/>
    </xf>
    <xf numFmtId="0" fontId="15" fillId="0" borderId="5" xfId="0" applyFont="1" applyBorder="1" applyAlignment="1">
      <alignment horizontal="center" vertical="center" wrapText="1" shrinkToFit="1"/>
    </xf>
    <xf numFmtId="0" fontId="15" fillId="0" borderId="4" xfId="0" applyFont="1" applyBorder="1" applyAlignment="1">
      <alignment horizontal="center" vertical="center" wrapText="1" shrinkToFit="1"/>
    </xf>
    <xf numFmtId="0" fontId="15" fillId="0" borderId="6" xfId="0" applyFont="1" applyBorder="1" applyAlignment="1">
      <alignment horizontal="center" vertical="center" wrapText="1" shrinkToFit="1"/>
    </xf>
    <xf numFmtId="0" fontId="15" fillId="0" borderId="11" xfId="0" applyFont="1" applyBorder="1" applyAlignment="1">
      <alignment horizontal="center" vertical="center" wrapText="1" shrinkToFit="1"/>
    </xf>
    <xf numFmtId="0" fontId="15" fillId="0" borderId="0" xfId="0" applyFont="1" applyAlignment="1">
      <alignment horizontal="center" vertical="center" wrapText="1" shrinkToFit="1"/>
    </xf>
    <xf numFmtId="0" fontId="15" fillId="0" borderId="2" xfId="0" applyFont="1" applyBorder="1" applyAlignment="1">
      <alignment horizontal="center" vertical="center" wrapText="1" shrinkToFit="1"/>
    </xf>
    <xf numFmtId="0" fontId="15" fillId="0" borderId="7" xfId="0" applyFont="1" applyBorder="1" applyAlignment="1">
      <alignment horizontal="center" vertical="center" wrapText="1" shrinkToFit="1"/>
    </xf>
    <xf numFmtId="0" fontId="15" fillId="0" borderId="8" xfId="0" applyFont="1" applyBorder="1" applyAlignment="1">
      <alignment horizontal="center" vertical="center" wrapText="1" shrinkToFit="1"/>
    </xf>
    <xf numFmtId="0" fontId="15" fillId="0" borderId="9" xfId="0" applyFont="1" applyBorder="1" applyAlignment="1">
      <alignment horizontal="center" vertical="center" wrapText="1" shrinkToFit="1"/>
    </xf>
    <xf numFmtId="0" fontId="11" fillId="2" borderId="22" xfId="0" applyFont="1" applyFill="1" applyBorder="1" applyAlignment="1">
      <alignment horizontal="center" vertical="center"/>
    </xf>
    <xf numFmtId="0" fontId="11" fillId="2" borderId="12" xfId="0" applyFont="1" applyFill="1" applyBorder="1" applyAlignment="1">
      <alignment horizontal="center" vertical="center"/>
    </xf>
    <xf numFmtId="0" fontId="11" fillId="3" borderId="12" xfId="0" applyFont="1" applyFill="1" applyBorder="1" applyAlignment="1" applyProtection="1">
      <alignment horizontal="center" vertical="center"/>
      <protection locked="0"/>
    </xf>
    <xf numFmtId="0" fontId="11" fillId="3" borderId="4" xfId="0" applyFont="1" applyFill="1" applyBorder="1" applyAlignment="1" applyProtection="1">
      <alignment horizontal="center" vertical="center"/>
      <protection locked="0"/>
    </xf>
    <xf numFmtId="178" fontId="11" fillId="3" borderId="18" xfId="0" applyNumberFormat="1" applyFont="1" applyFill="1" applyBorder="1" applyAlignment="1" applyProtection="1">
      <alignment horizontal="center" vertical="center"/>
      <protection locked="0"/>
    </xf>
    <xf numFmtId="0" fontId="11" fillId="2" borderId="70" xfId="0" applyFont="1" applyFill="1" applyBorder="1" applyAlignment="1">
      <alignment horizontal="center" vertical="center" wrapText="1"/>
    </xf>
    <xf numFmtId="0" fontId="11" fillId="2" borderId="71" xfId="0" applyFont="1" applyFill="1" applyBorder="1" applyAlignment="1">
      <alignment horizontal="center" vertical="center" wrapText="1"/>
    </xf>
    <xf numFmtId="0" fontId="11" fillId="3" borderId="71" xfId="0" applyFont="1" applyFill="1" applyBorder="1" applyAlignment="1" applyProtection="1">
      <alignment horizontal="center" vertical="center"/>
      <protection locked="0"/>
    </xf>
    <xf numFmtId="178" fontId="11" fillId="3" borderId="8" xfId="0" applyNumberFormat="1" applyFont="1" applyFill="1" applyBorder="1" applyAlignment="1" applyProtection="1">
      <alignment horizontal="center" vertical="center"/>
      <protection locked="0"/>
    </xf>
    <xf numFmtId="0" fontId="11" fillId="0" borderId="71" xfId="0" applyFont="1" applyBorder="1" applyAlignment="1">
      <alignment horizontal="center" vertical="center"/>
    </xf>
    <xf numFmtId="0" fontId="11" fillId="2" borderId="52" xfId="0" applyFont="1" applyFill="1" applyBorder="1" applyAlignment="1">
      <alignment horizontal="center" vertical="center" wrapText="1"/>
    </xf>
    <xf numFmtId="0" fontId="11" fillId="2" borderId="18" xfId="0" applyFont="1" applyFill="1" applyBorder="1" applyAlignment="1">
      <alignment horizontal="center" vertical="center" wrapText="1"/>
    </xf>
    <xf numFmtId="0" fontId="11" fillId="3" borderId="49" xfId="0" applyFont="1" applyFill="1" applyBorder="1" applyAlignment="1" applyProtection="1">
      <alignment horizontal="center" vertical="center"/>
      <protection locked="0"/>
    </xf>
    <xf numFmtId="0" fontId="11" fillId="0" borderId="4" xfId="0" applyFont="1" applyBorder="1" applyAlignment="1">
      <alignment horizontal="center" vertical="center"/>
    </xf>
    <xf numFmtId="176" fontId="11" fillId="3" borderId="49" xfId="0" applyNumberFormat="1" applyFont="1" applyFill="1" applyBorder="1" applyAlignment="1" applyProtection="1">
      <alignment horizontal="center" vertical="center"/>
      <protection locked="0"/>
    </xf>
    <xf numFmtId="0" fontId="15" fillId="0" borderId="69" xfId="0" applyFont="1" applyBorder="1" applyAlignment="1">
      <alignment horizontal="center" vertical="center"/>
    </xf>
    <xf numFmtId="0" fontId="21" fillId="4" borderId="71" xfId="0" applyFont="1" applyFill="1" applyBorder="1" applyAlignment="1">
      <alignment horizontal="center" vertical="center" wrapText="1"/>
    </xf>
    <xf numFmtId="176" fontId="20" fillId="3" borderId="72" xfId="0" applyNumberFormat="1" applyFont="1" applyFill="1" applyBorder="1" applyAlignment="1" applyProtection="1">
      <alignment horizontal="center" vertical="center"/>
      <protection locked="0"/>
    </xf>
    <xf numFmtId="176" fontId="20" fillId="3" borderId="71" xfId="0" applyNumberFormat="1" applyFont="1" applyFill="1" applyBorder="1" applyAlignment="1" applyProtection="1">
      <alignment horizontal="center" vertical="center"/>
      <protection locked="0"/>
    </xf>
    <xf numFmtId="0" fontId="11" fillId="3" borderId="12" xfId="0" applyFont="1" applyFill="1" applyBorder="1" applyAlignment="1" applyProtection="1">
      <alignment horizontal="center" vertical="center" wrapText="1"/>
      <protection locked="0"/>
    </xf>
    <xf numFmtId="0" fontId="11" fillId="2" borderId="17" xfId="0" applyFont="1" applyFill="1" applyBorder="1" applyAlignment="1">
      <alignment horizontal="center" vertical="center"/>
    </xf>
    <xf numFmtId="0" fontId="11" fillId="3" borderId="70" xfId="0" applyFont="1" applyFill="1" applyBorder="1" applyAlignment="1" applyProtection="1">
      <alignment horizontal="center" vertical="center"/>
      <protection locked="0"/>
    </xf>
    <xf numFmtId="0" fontId="11" fillId="2" borderId="71" xfId="0" applyFont="1" applyFill="1" applyBorder="1" applyAlignment="1">
      <alignment horizontal="center" vertical="center"/>
    </xf>
    <xf numFmtId="0" fontId="11" fillId="2" borderId="74" xfId="0" applyFont="1" applyFill="1" applyBorder="1" applyAlignment="1">
      <alignment horizontal="center" vertical="center"/>
    </xf>
    <xf numFmtId="178" fontId="11" fillId="3" borderId="75" xfId="0" applyNumberFormat="1" applyFont="1" applyFill="1" applyBorder="1" applyAlignment="1" applyProtection="1">
      <alignment horizontal="center" vertical="center"/>
      <protection locked="0"/>
    </xf>
    <xf numFmtId="178" fontId="11" fillId="3" borderId="71" xfId="0" applyNumberFormat="1" applyFont="1" applyFill="1" applyBorder="1" applyAlignment="1" applyProtection="1">
      <alignment horizontal="center" vertical="center"/>
      <protection locked="0"/>
    </xf>
    <xf numFmtId="0" fontId="11" fillId="2" borderId="73" xfId="0" applyFont="1" applyFill="1" applyBorder="1" applyAlignment="1">
      <alignment horizontal="center" vertical="center"/>
    </xf>
    <xf numFmtId="177" fontId="15" fillId="3" borderId="12" xfId="0" applyNumberFormat="1" applyFont="1" applyFill="1" applyBorder="1" applyAlignment="1" applyProtection="1">
      <alignment horizontal="center" vertical="center"/>
      <protection locked="0"/>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11" fillId="0" borderId="23" xfId="0" applyFont="1" applyBorder="1" applyAlignment="1">
      <alignment horizontal="center" vertical="center"/>
    </xf>
    <xf numFmtId="0" fontId="0" fillId="0" borderId="17" xfId="0" applyBorder="1" applyAlignment="1">
      <alignment horizontal="center" vertical="center"/>
    </xf>
    <xf numFmtId="0" fontId="11" fillId="0" borderId="70" xfId="0" applyFont="1" applyBorder="1" applyAlignment="1">
      <alignment horizontal="center" vertical="center" shrinkToFit="1"/>
    </xf>
    <xf numFmtId="0" fontId="11" fillId="0" borderId="74" xfId="0" applyFont="1" applyBorder="1" applyAlignment="1">
      <alignment horizontal="center" vertical="center" shrinkToFit="1"/>
    </xf>
    <xf numFmtId="0" fontId="11" fillId="3" borderId="75" xfId="0" applyFont="1" applyFill="1" applyBorder="1" applyAlignment="1" applyProtection="1">
      <alignment horizontal="center" vertical="center" shrinkToFit="1"/>
      <protection locked="0"/>
    </xf>
    <xf numFmtId="0" fontId="11" fillId="3" borderId="71" xfId="0" applyFont="1" applyFill="1" applyBorder="1" applyAlignment="1" applyProtection="1">
      <alignment horizontal="center" vertical="center" shrinkToFit="1"/>
      <protection locked="0"/>
    </xf>
    <xf numFmtId="0" fontId="15" fillId="3" borderId="71" xfId="0" applyFont="1" applyFill="1" applyBorder="1" applyAlignment="1" applyProtection="1">
      <alignment horizontal="center" vertical="center"/>
      <protection locked="0"/>
    </xf>
    <xf numFmtId="0" fontId="11" fillId="2" borderId="70" xfId="0" applyFont="1" applyFill="1" applyBorder="1" applyAlignment="1">
      <alignment horizontal="center" vertical="center"/>
    </xf>
    <xf numFmtId="0" fontId="11" fillId="0" borderId="54" xfId="0" applyFont="1" applyBorder="1" applyAlignment="1">
      <alignment horizontal="center" vertical="center"/>
    </xf>
    <xf numFmtId="0" fontId="11" fillId="0" borderId="55" xfId="0" applyFont="1" applyBorder="1" applyAlignment="1">
      <alignment horizontal="center" vertical="center"/>
    </xf>
    <xf numFmtId="0" fontId="11" fillId="0" borderId="56" xfId="0" applyFont="1" applyBorder="1" applyAlignment="1">
      <alignment horizontal="center" vertical="center"/>
    </xf>
    <xf numFmtId="0" fontId="20" fillId="3" borderId="55" xfId="0" applyFont="1" applyFill="1" applyBorder="1" applyAlignment="1" applyProtection="1">
      <alignment horizontal="center" vertical="center"/>
      <protection locked="0"/>
    </xf>
    <xf numFmtId="0" fontId="20" fillId="4" borderId="55" xfId="0" applyFont="1" applyFill="1" applyBorder="1" applyAlignment="1">
      <alignment horizontal="center" vertical="center"/>
    </xf>
    <xf numFmtId="0" fontId="11" fillId="0" borderId="3" xfId="0" applyFont="1" applyBorder="1" applyAlignment="1">
      <alignment horizontal="center" vertical="center" shrinkToFit="1"/>
    </xf>
    <xf numFmtId="0" fontId="11" fillId="0" borderId="10" xfId="0" applyFont="1" applyBorder="1" applyAlignment="1">
      <alignment horizontal="center" vertical="center" shrinkToFit="1"/>
    </xf>
    <xf numFmtId="0" fontId="11" fillId="3" borderId="3" xfId="0" applyFont="1" applyFill="1" applyBorder="1" applyAlignment="1" applyProtection="1">
      <alignment horizontal="center" vertical="center" shrinkToFit="1"/>
      <protection locked="0"/>
    </xf>
    <xf numFmtId="0" fontId="11" fillId="3" borderId="4" xfId="0" applyFont="1" applyFill="1" applyBorder="1" applyAlignment="1" applyProtection="1">
      <alignment horizontal="center" vertical="center" shrinkToFit="1"/>
      <protection locked="0"/>
    </xf>
    <xf numFmtId="0" fontId="15" fillId="0" borderId="53" xfId="0" applyFont="1" applyBorder="1" applyAlignment="1">
      <alignment horizontal="center" vertical="center" wrapText="1"/>
    </xf>
    <xf numFmtId="0" fontId="15" fillId="0" borderId="53" xfId="0" applyFont="1" applyBorder="1" applyAlignment="1">
      <alignment horizontal="center" vertical="center"/>
    </xf>
    <xf numFmtId="0" fontId="15" fillId="0" borderId="15" xfId="0" applyFont="1" applyBorder="1" applyAlignment="1">
      <alignment horizontal="center" vertical="center" wrapText="1"/>
    </xf>
    <xf numFmtId="0" fontId="20" fillId="3" borderId="71" xfId="0" applyFont="1" applyFill="1" applyBorder="1" applyAlignment="1" applyProtection="1">
      <alignment horizontal="center" vertical="center"/>
      <protection locked="0"/>
    </xf>
    <xf numFmtId="0" fontId="31" fillId="0" borderId="54" xfId="0" applyFont="1" applyBorder="1" applyAlignment="1">
      <alignment horizontal="center" vertical="center"/>
    </xf>
    <xf numFmtId="0" fontId="0" fillId="0" borderId="56" xfId="0" applyBorder="1" applyAlignment="1">
      <alignment horizontal="center" vertical="center"/>
    </xf>
    <xf numFmtId="0" fontId="0" fillId="0" borderId="53" xfId="0" applyBorder="1" applyAlignment="1">
      <alignment vertical="center"/>
    </xf>
    <xf numFmtId="0" fontId="11" fillId="3" borderId="54" xfId="0" applyFont="1" applyFill="1" applyBorder="1" applyAlignment="1" applyProtection="1">
      <alignment horizontal="center" vertical="center"/>
      <protection locked="0"/>
    </xf>
    <xf numFmtId="0" fontId="11" fillId="3" borderId="55" xfId="0" applyFont="1" applyFill="1" applyBorder="1" applyAlignment="1" applyProtection="1">
      <alignment horizontal="center" vertical="center"/>
      <protection locked="0"/>
    </xf>
    <xf numFmtId="0" fontId="11" fillId="2" borderId="55" xfId="0" applyFont="1" applyFill="1" applyBorder="1" applyAlignment="1">
      <alignment horizontal="center" vertical="center"/>
    </xf>
    <xf numFmtId="0" fontId="23" fillId="0" borderId="5" xfId="0" applyFont="1" applyBorder="1" applyAlignment="1">
      <alignment horizontal="center" vertical="center"/>
    </xf>
    <xf numFmtId="0" fontId="32" fillId="0" borderId="7" xfId="0" applyFont="1" applyBorder="1" applyAlignment="1">
      <alignment vertical="center"/>
    </xf>
    <xf numFmtId="0" fontId="11" fillId="3" borderId="59" xfId="0" applyFont="1" applyFill="1" applyBorder="1" applyAlignment="1" applyProtection="1">
      <alignment horizontal="center" vertical="center"/>
      <protection locked="0"/>
    </xf>
    <xf numFmtId="0" fontId="11" fillId="3" borderId="61" xfId="0" applyFont="1" applyFill="1" applyBorder="1" applyAlignment="1" applyProtection="1">
      <alignment horizontal="center" vertical="center"/>
      <protection locked="0"/>
    </xf>
    <xf numFmtId="0" fontId="0" fillId="0" borderId="15" xfId="0" applyBorder="1" applyAlignment="1">
      <alignment horizontal="center" vertical="center"/>
    </xf>
    <xf numFmtId="0" fontId="0" fillId="0" borderId="14" xfId="0" applyBorder="1" applyAlignment="1">
      <alignment horizontal="center" vertical="center"/>
    </xf>
    <xf numFmtId="0" fontId="15" fillId="0" borderId="11" xfId="0" applyFont="1" applyBorder="1" applyAlignment="1">
      <alignment horizontal="center" vertical="center"/>
    </xf>
    <xf numFmtId="0" fontId="28" fillId="0" borderId="0" xfId="0" applyFont="1" applyAlignment="1">
      <alignment horizontal="center" vertical="center"/>
    </xf>
    <xf numFmtId="0" fontId="28" fillId="0" borderId="2" xfId="0" applyFont="1" applyBorder="1" applyAlignment="1">
      <alignment horizontal="center" vertical="center"/>
    </xf>
    <xf numFmtId="0" fontId="7" fillId="0" borderId="0" xfId="0" applyFont="1" applyAlignment="1" applyProtection="1">
      <alignment horizontal="right" vertical="center"/>
      <protection locked="0"/>
    </xf>
    <xf numFmtId="0" fontId="15" fillId="3" borderId="60" xfId="0" applyFont="1" applyFill="1" applyBorder="1" applyAlignment="1" applyProtection="1">
      <alignment horizontal="center" vertical="center"/>
      <protection locked="0"/>
    </xf>
    <xf numFmtId="0" fontId="15" fillId="3" borderId="61" xfId="0" applyFont="1" applyFill="1" applyBorder="1" applyAlignment="1" applyProtection="1">
      <alignment horizontal="center" vertical="center"/>
      <protection locked="0"/>
    </xf>
    <xf numFmtId="0" fontId="15" fillId="3" borderId="59" xfId="0" applyFont="1" applyFill="1" applyBorder="1" applyAlignment="1">
      <alignment horizontal="center" vertical="center"/>
    </xf>
    <xf numFmtId="0" fontId="28" fillId="3" borderId="59" xfId="0" applyFont="1" applyFill="1" applyBorder="1" applyAlignment="1">
      <alignment horizontal="center" vertical="center"/>
    </xf>
    <xf numFmtId="0" fontId="28" fillId="3" borderId="58" xfId="0" applyFont="1" applyFill="1" applyBorder="1" applyAlignment="1">
      <alignment horizontal="center" vertical="center"/>
    </xf>
    <xf numFmtId="0" fontId="28" fillId="3" borderId="60" xfId="0" applyFont="1" applyFill="1" applyBorder="1" applyAlignment="1">
      <alignment horizontal="center" vertical="center"/>
    </xf>
    <xf numFmtId="0" fontId="28" fillId="0" borderId="14" xfId="0" applyFont="1" applyBorder="1" applyAlignment="1">
      <alignment horizontal="center" vertical="center"/>
    </xf>
    <xf numFmtId="0" fontId="0" fillId="0" borderId="4" xfId="0" applyBorder="1" applyAlignment="1">
      <alignment vertical="center"/>
    </xf>
    <xf numFmtId="0" fontId="0" fillId="0" borderId="6" xfId="0" applyBorder="1" applyAlignment="1">
      <alignment vertical="center"/>
    </xf>
    <xf numFmtId="0" fontId="0" fillId="0" borderId="1" xfId="0" applyBorder="1" applyAlignment="1">
      <alignment vertical="center"/>
    </xf>
    <xf numFmtId="0" fontId="0" fillId="0" borderId="62" xfId="0" applyBorder="1" applyAlignment="1">
      <alignment vertical="center"/>
    </xf>
    <xf numFmtId="0" fontId="0" fillId="0" borderId="71" xfId="0" applyBorder="1" applyAlignment="1">
      <alignment vertical="center"/>
    </xf>
    <xf numFmtId="0" fontId="0" fillId="0" borderId="73" xfId="0" applyBorder="1" applyAlignment="1">
      <alignment vertical="center"/>
    </xf>
    <xf numFmtId="0" fontId="11" fillId="2" borderId="12" xfId="0" applyFont="1" applyFill="1" applyBorder="1" applyAlignment="1">
      <alignment vertical="center"/>
    </xf>
    <xf numFmtId="0" fontId="0" fillId="0" borderId="13" xfId="0" applyBorder="1" applyAlignment="1">
      <alignment vertical="center"/>
    </xf>
    <xf numFmtId="0" fontId="33" fillId="0" borderId="4" xfId="0" applyFont="1" applyBorder="1" applyAlignment="1">
      <alignment vertical="center"/>
    </xf>
    <xf numFmtId="0" fontId="33" fillId="0" borderId="8" xfId="0" applyFont="1" applyBorder="1" applyAlignment="1">
      <alignment vertical="center"/>
    </xf>
    <xf numFmtId="0" fontId="23" fillId="0" borderId="4" xfId="0" applyFont="1" applyBorder="1" applyAlignment="1">
      <alignment vertical="center"/>
    </xf>
    <xf numFmtId="0" fontId="0" fillId="0" borderId="53" xfId="0" applyBorder="1" applyAlignment="1">
      <alignment horizontal="center" vertical="center"/>
    </xf>
    <xf numFmtId="0" fontId="9" fillId="0" borderId="54" xfId="0" applyFont="1" applyBorder="1" applyAlignment="1">
      <alignment horizontal="center" vertical="center"/>
    </xf>
    <xf numFmtId="0" fontId="0" fillId="0" borderId="55" xfId="0" applyBorder="1" applyAlignment="1">
      <alignment vertical="center"/>
    </xf>
    <xf numFmtId="0" fontId="28" fillId="0" borderId="15" xfId="0" applyFont="1" applyBorder="1" applyAlignment="1">
      <alignment horizontal="center" vertical="center"/>
    </xf>
    <xf numFmtId="0" fontId="0" fillId="3" borderId="59" xfId="0" applyFill="1" applyBorder="1" applyAlignment="1">
      <alignment horizontal="center" vertical="center"/>
    </xf>
    <xf numFmtId="0" fontId="12" fillId="0" borderId="63" xfId="0" applyFont="1" applyBorder="1" applyAlignment="1">
      <alignment vertical="center" wrapText="1"/>
    </xf>
    <xf numFmtId="0" fontId="12" fillId="0" borderId="63" xfId="0" applyFont="1" applyBorder="1" applyAlignment="1">
      <alignment vertical="center"/>
    </xf>
    <xf numFmtId="0" fontId="11" fillId="0" borderId="0" xfId="0" applyFont="1" applyAlignment="1">
      <alignment horizontal="center" vertical="center"/>
    </xf>
    <xf numFmtId="0" fontId="12" fillId="0" borderId="34" xfId="0" applyFont="1" applyBorder="1" applyAlignment="1">
      <alignment horizontal="left" vertical="center"/>
    </xf>
    <xf numFmtId="0" fontId="12" fillId="0" borderId="30" xfId="0" applyFont="1" applyBorder="1" applyAlignment="1">
      <alignment horizontal="left" vertical="center"/>
    </xf>
    <xf numFmtId="0" fontId="12" fillId="0" borderId="63" xfId="0" applyFont="1" applyBorder="1" applyAlignment="1">
      <alignment vertical="center" shrinkToFit="1"/>
    </xf>
    <xf numFmtId="0" fontId="12" fillId="0" borderId="51" xfId="0" applyFont="1" applyBorder="1" applyAlignment="1">
      <alignment horizontal="left" vertical="center" wrapText="1" shrinkToFit="1"/>
    </xf>
    <xf numFmtId="0" fontId="12" fillId="0" borderId="50" xfId="0" applyFont="1" applyBorder="1" applyAlignment="1">
      <alignment horizontal="left" vertical="center" wrapText="1" shrinkToFit="1"/>
    </xf>
    <xf numFmtId="0" fontId="12" fillId="0" borderId="34" xfId="0" applyFont="1" applyBorder="1" applyAlignment="1">
      <alignment vertical="center" wrapText="1"/>
    </xf>
    <xf numFmtId="0" fontId="0" fillId="0" borderId="30" xfId="0" applyBorder="1" applyAlignment="1">
      <alignment vertical="center" wrapText="1"/>
    </xf>
    <xf numFmtId="0" fontId="12" fillId="0" borderId="31" xfId="0" applyFont="1" applyBorder="1" applyAlignment="1">
      <alignment vertical="center" wrapText="1"/>
    </xf>
    <xf numFmtId="0" fontId="12" fillId="0" borderId="32" xfId="0" applyFont="1" applyBorder="1" applyAlignment="1">
      <alignment vertical="center"/>
    </xf>
    <xf numFmtId="0" fontId="0" fillId="0" borderId="24" xfId="0" applyBorder="1" applyAlignment="1">
      <alignment vertical="center"/>
    </xf>
    <xf numFmtId="0" fontId="0" fillId="0" borderId="33" xfId="0" applyBorder="1" applyAlignment="1">
      <alignment vertical="center"/>
    </xf>
    <xf numFmtId="0" fontId="12" fillId="0" borderId="34" xfId="0" applyFont="1" applyBorder="1" applyAlignment="1">
      <alignment horizontal="left" vertical="center" wrapText="1"/>
    </xf>
    <xf numFmtId="0" fontId="12" fillId="0" borderId="30" xfId="0" applyFont="1" applyBorder="1" applyAlignment="1">
      <alignment horizontal="left" vertical="center" wrapText="1"/>
    </xf>
    <xf numFmtId="0" fontId="12" fillId="0" borderId="51" xfId="0" applyFont="1" applyBorder="1" applyAlignment="1">
      <alignment horizontal="left" vertical="center" wrapText="1"/>
    </xf>
    <xf numFmtId="0" fontId="12" fillId="0" borderId="50" xfId="0" applyFont="1" applyBorder="1" applyAlignment="1">
      <alignment horizontal="left" vertical="center" wrapText="1"/>
    </xf>
  </cellXfs>
  <cellStyles count="6">
    <cellStyle name="ハイパーリンク" xfId="4" builtinId="8"/>
    <cellStyle name="通貨" xfId="5" builtinId="7"/>
    <cellStyle name="標準" xfId="0" builtinId="0"/>
    <cellStyle name="標準 2" xfId="1"/>
    <cellStyle name="標準 3" xfId="3"/>
    <cellStyle name="標準 4" xfId="2"/>
  </cellStyles>
  <dxfs count="0"/>
  <tableStyles count="0" defaultTableStyle="TableStyleMedium2" defaultPivotStyle="PivotStyleLight16"/>
  <colors>
    <mruColors>
      <color rgb="FFFFFFF0"/>
      <color rgb="FFFFFFE1"/>
      <color rgb="FF0000FF"/>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10" Type="http://schemas.openxmlformats.org/officeDocument/2006/relationships/customXml" Target="../customXml/item3.xml"/><Relationship Id="rId4" Type="http://schemas.openxmlformats.org/officeDocument/2006/relationships/theme" Target="theme/theme1.xml"/><Relationship Id="rId9" Type="http://schemas.openxmlformats.org/officeDocument/2006/relationships/customXml" Target="../customXml/item2.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L59"/>
  <sheetViews>
    <sheetView showGridLines="0" tabSelected="1" view="pageBreakPreview" topLeftCell="B1" zoomScale="80" zoomScaleNormal="80" zoomScaleSheetLayoutView="80" workbookViewId="0">
      <selection activeCell="Z4" sqref="Z4:AK4"/>
    </sheetView>
  </sheetViews>
  <sheetFormatPr defaultRowHeight="13.5" x14ac:dyDescent="0.15"/>
  <cols>
    <col min="1" max="1" width="0" hidden="1" customWidth="1"/>
    <col min="2" max="2" width="5.125" customWidth="1"/>
    <col min="3" max="7" width="4.5" customWidth="1"/>
    <col min="8" max="8" width="7" customWidth="1"/>
    <col min="9" max="9" width="4.5" customWidth="1"/>
    <col min="10" max="10" width="5.5" customWidth="1"/>
    <col min="11" max="11" width="4.5" customWidth="1"/>
    <col min="12" max="12" width="6.25" customWidth="1"/>
    <col min="13" max="15" width="4.5" customWidth="1"/>
    <col min="16" max="16" width="5.25" customWidth="1"/>
    <col min="17" max="21" width="4.5" customWidth="1"/>
    <col min="22" max="22" width="5.5" customWidth="1"/>
    <col min="23" max="25" width="4.5" customWidth="1"/>
    <col min="26" max="27" width="4.625" customWidth="1"/>
    <col min="28" max="36" width="4.5" customWidth="1"/>
    <col min="37" max="37" width="7.5" customWidth="1"/>
    <col min="38" max="38" width="0.75" customWidth="1"/>
  </cols>
  <sheetData>
    <row r="1" spans="2:38" ht="25.5" customHeight="1" x14ac:dyDescent="0.15">
      <c r="B1" s="158" t="s">
        <v>0</v>
      </c>
      <c r="C1" s="158"/>
      <c r="D1" s="158"/>
      <c r="E1" s="158"/>
      <c r="F1" s="158"/>
      <c r="G1" s="158"/>
      <c r="H1" s="158"/>
      <c r="I1" s="158"/>
      <c r="J1" s="158"/>
      <c r="K1" s="158"/>
      <c r="L1" s="158"/>
      <c r="M1" s="158"/>
      <c r="N1" s="158"/>
      <c r="O1" s="158"/>
      <c r="P1" s="158"/>
      <c r="Q1" s="158"/>
      <c r="R1" s="158"/>
      <c r="S1" s="158"/>
      <c r="T1" s="158"/>
      <c r="U1" s="158"/>
      <c r="V1" s="158"/>
      <c r="W1" s="158"/>
      <c r="X1" s="158"/>
      <c r="Y1" s="158"/>
      <c r="Z1" s="158"/>
      <c r="AA1" s="158"/>
      <c r="AB1" s="158"/>
      <c r="AC1" s="158"/>
      <c r="AD1" s="158"/>
      <c r="AE1" s="158"/>
      <c r="AF1" s="158"/>
      <c r="AG1" s="158"/>
      <c r="AH1" s="158"/>
      <c r="AI1" s="158"/>
      <c r="AJ1" s="158"/>
      <c r="AK1" s="25"/>
    </row>
    <row r="2" spans="2:38" ht="25.5" customHeight="1" x14ac:dyDescent="0.15">
      <c r="B2" s="159" t="s">
        <v>221</v>
      </c>
      <c r="C2" s="159"/>
      <c r="D2" s="159"/>
      <c r="E2" s="159"/>
      <c r="F2" s="159"/>
      <c r="G2" s="159"/>
      <c r="H2" s="159"/>
      <c r="I2" s="159"/>
      <c r="J2" s="13" t="s">
        <v>1</v>
      </c>
      <c r="K2" s="160"/>
      <c r="L2" s="160"/>
      <c r="M2" s="160"/>
      <c r="N2" s="160"/>
      <c r="O2" s="160"/>
      <c r="P2" s="160"/>
      <c r="Q2" s="160"/>
      <c r="R2" s="160"/>
      <c r="S2" s="160"/>
      <c r="T2" s="160"/>
      <c r="U2" s="160"/>
      <c r="V2" s="160"/>
      <c r="W2" s="160"/>
      <c r="X2" s="160"/>
      <c r="Y2" s="160"/>
      <c r="Z2" s="160"/>
      <c r="AA2" s="160"/>
      <c r="AB2" s="160"/>
      <c r="AC2" s="160"/>
      <c r="AD2" s="160"/>
      <c r="AE2" s="160"/>
      <c r="AF2" s="160"/>
      <c r="AG2" s="160"/>
      <c r="AH2" s="160"/>
      <c r="AI2" s="160"/>
      <c r="AJ2" s="160"/>
      <c r="AK2" s="160"/>
    </row>
    <row r="3" spans="2:38" ht="25.5" customHeight="1" x14ac:dyDescent="0.15">
      <c r="B3" s="161"/>
      <c r="C3" s="161"/>
      <c r="D3" s="161"/>
      <c r="E3" s="161"/>
      <c r="F3" s="161"/>
      <c r="G3" s="161"/>
      <c r="H3" s="161"/>
      <c r="I3" s="161"/>
      <c r="J3" s="161"/>
      <c r="K3" s="161"/>
      <c r="L3" s="161"/>
      <c r="M3" s="161"/>
      <c r="N3" s="161"/>
      <c r="O3" s="161"/>
      <c r="P3" s="161"/>
      <c r="Q3" s="161"/>
      <c r="R3" s="161"/>
      <c r="S3" s="161"/>
      <c r="T3" s="161"/>
      <c r="U3" s="161"/>
      <c r="V3" s="21" t="s">
        <v>2</v>
      </c>
      <c r="W3" s="21"/>
      <c r="X3" s="21"/>
      <c r="Y3" s="162" t="s">
        <v>3</v>
      </c>
      <c r="Z3" s="163"/>
      <c r="AA3" s="164"/>
      <c r="AB3" s="164"/>
      <c r="AC3" s="167"/>
      <c r="AD3" s="167"/>
      <c r="AE3" s="24" t="s">
        <v>4</v>
      </c>
      <c r="AF3" s="164"/>
      <c r="AG3" s="164"/>
      <c r="AH3" s="24" t="s">
        <v>5</v>
      </c>
      <c r="AI3" s="164"/>
      <c r="AJ3" s="164"/>
      <c r="AK3" s="125" t="s">
        <v>6</v>
      </c>
    </row>
    <row r="4" spans="2:38" ht="25.5" customHeight="1" x14ac:dyDescent="0.15">
      <c r="B4" s="161"/>
      <c r="C4" s="161"/>
      <c r="D4" s="161"/>
      <c r="E4" s="161"/>
      <c r="F4" s="161"/>
      <c r="G4" s="161"/>
      <c r="H4" s="161"/>
      <c r="I4" s="161"/>
      <c r="J4" s="161"/>
      <c r="K4" s="161"/>
      <c r="L4" s="161"/>
      <c r="M4" s="161"/>
      <c r="N4" s="161"/>
      <c r="O4" s="161"/>
      <c r="P4" s="161"/>
      <c r="Q4" s="161"/>
      <c r="R4" s="161"/>
      <c r="S4" s="161"/>
      <c r="T4" s="161"/>
      <c r="U4" s="161"/>
      <c r="V4" s="165" t="s">
        <v>7</v>
      </c>
      <c r="W4" s="165"/>
      <c r="X4" s="165"/>
      <c r="Y4" s="165"/>
      <c r="Z4" s="166"/>
      <c r="AA4" s="166"/>
      <c r="AB4" s="166"/>
      <c r="AC4" s="166"/>
      <c r="AD4" s="166"/>
      <c r="AE4" s="166"/>
      <c r="AF4" s="166"/>
      <c r="AG4" s="166"/>
      <c r="AH4" s="166"/>
      <c r="AI4" s="166"/>
      <c r="AJ4" s="166"/>
      <c r="AK4" s="166"/>
    </row>
    <row r="5" spans="2:38" ht="25.5" customHeight="1" x14ac:dyDescent="0.15">
      <c r="B5" s="161"/>
      <c r="C5" s="161"/>
      <c r="D5" s="161"/>
      <c r="E5" s="161"/>
      <c r="F5" s="161"/>
      <c r="G5" s="161"/>
      <c r="H5" s="161"/>
      <c r="I5" s="161"/>
      <c r="J5" s="161"/>
      <c r="K5" s="161"/>
      <c r="L5" s="161"/>
      <c r="M5" s="161"/>
      <c r="N5" s="161"/>
      <c r="O5" s="161"/>
      <c r="P5" s="161"/>
      <c r="Q5" s="161"/>
      <c r="R5" s="161"/>
      <c r="S5" s="161"/>
      <c r="T5" s="161"/>
      <c r="U5" s="161"/>
      <c r="V5" s="165" t="s">
        <v>8</v>
      </c>
      <c r="W5" s="165"/>
      <c r="X5" s="165"/>
      <c r="Y5" s="165"/>
      <c r="Z5" s="166"/>
      <c r="AA5" s="166"/>
      <c r="AB5" s="166"/>
      <c r="AC5" s="166"/>
      <c r="AD5" s="166"/>
      <c r="AE5" s="166"/>
      <c r="AF5" s="166"/>
      <c r="AG5" s="166"/>
      <c r="AH5" s="166"/>
      <c r="AI5" s="166"/>
      <c r="AJ5" s="166"/>
      <c r="AK5" s="166"/>
    </row>
    <row r="6" spans="2:38" ht="25.5" customHeight="1" x14ac:dyDescent="0.15">
      <c r="B6" s="172"/>
      <c r="C6" s="172"/>
      <c r="D6" s="172"/>
      <c r="E6" s="172"/>
      <c r="F6" s="172"/>
      <c r="G6" s="172"/>
      <c r="H6" s="172"/>
      <c r="I6" s="172"/>
      <c r="J6" s="172"/>
      <c r="K6" s="172"/>
      <c r="L6" s="172"/>
      <c r="M6" s="172"/>
      <c r="N6" s="172"/>
      <c r="O6" s="172"/>
      <c r="P6" s="28"/>
      <c r="Q6" s="28"/>
      <c r="R6" s="28"/>
      <c r="S6" s="28"/>
      <c r="T6" s="28"/>
      <c r="U6" s="28"/>
      <c r="V6" s="165" t="s">
        <v>9</v>
      </c>
      <c r="W6" s="165"/>
      <c r="X6" s="165"/>
      <c r="Y6" s="165"/>
      <c r="Z6" s="166"/>
      <c r="AA6" s="166"/>
      <c r="AB6" s="166"/>
      <c r="AC6" s="166"/>
      <c r="AD6" s="166"/>
      <c r="AE6" s="166"/>
      <c r="AF6" s="166"/>
      <c r="AG6" s="166"/>
      <c r="AH6" s="166"/>
      <c r="AI6" s="166"/>
      <c r="AJ6" s="166"/>
      <c r="AK6" s="166"/>
    </row>
    <row r="7" spans="2:38" ht="25.5" customHeight="1" x14ac:dyDescent="0.15">
      <c r="B7" s="173"/>
      <c r="C7" s="173"/>
      <c r="D7" s="173"/>
      <c r="E7" s="174"/>
      <c r="F7" s="174"/>
      <c r="G7" s="175"/>
      <c r="H7" s="175"/>
      <c r="I7" s="43"/>
      <c r="J7" s="175"/>
      <c r="K7" s="175"/>
      <c r="L7" s="43"/>
      <c r="M7" s="175"/>
      <c r="N7" s="175"/>
      <c r="O7" s="43"/>
      <c r="P7" s="28"/>
      <c r="Q7" s="28"/>
      <c r="R7" s="28"/>
      <c r="S7" s="28"/>
      <c r="T7" s="28"/>
      <c r="U7" s="28"/>
      <c r="V7" s="165" t="s">
        <v>10</v>
      </c>
      <c r="W7" s="165"/>
      <c r="X7" s="165"/>
      <c r="Y7" s="128"/>
      <c r="Z7" s="168"/>
      <c r="AA7" s="168"/>
      <c r="AB7" s="176"/>
      <c r="AC7" s="129" t="s">
        <v>11</v>
      </c>
      <c r="AD7" s="177"/>
      <c r="AE7" s="178"/>
      <c r="AF7" s="178"/>
      <c r="AG7" s="178"/>
      <c r="AH7" s="129" t="s">
        <v>11</v>
      </c>
      <c r="AI7" s="168"/>
      <c r="AJ7" s="168"/>
      <c r="AK7" s="168"/>
    </row>
    <row r="8" spans="2:38" ht="25.5" customHeight="1" x14ac:dyDescent="0.15">
      <c r="B8" s="169"/>
      <c r="C8" s="169"/>
      <c r="D8" s="169"/>
      <c r="E8" s="169"/>
      <c r="F8" s="169"/>
      <c r="G8" s="169"/>
      <c r="H8" s="169"/>
      <c r="I8" s="169"/>
      <c r="J8" s="169"/>
      <c r="K8" s="169"/>
      <c r="L8" s="169"/>
      <c r="M8" s="169"/>
      <c r="N8" s="169"/>
      <c r="O8" s="169"/>
      <c r="P8" s="28"/>
      <c r="Q8" s="28"/>
      <c r="R8" s="28"/>
      <c r="S8" s="28"/>
      <c r="T8" s="28"/>
      <c r="U8" s="28"/>
      <c r="V8" s="170" t="s">
        <v>12</v>
      </c>
      <c r="W8" s="170"/>
      <c r="X8" s="170"/>
      <c r="Y8" s="170"/>
      <c r="Z8" s="171"/>
      <c r="AA8" s="171"/>
      <c r="AB8" s="171"/>
      <c r="AC8" s="171"/>
      <c r="AD8" s="171"/>
      <c r="AE8" s="171"/>
      <c r="AF8" s="171"/>
      <c r="AG8" s="171"/>
      <c r="AH8" s="171"/>
      <c r="AI8" s="171"/>
      <c r="AJ8" s="171"/>
      <c r="AK8" s="171"/>
    </row>
    <row r="9" spans="2:38" ht="25.5" customHeight="1" x14ac:dyDescent="0.15">
      <c r="B9" s="173"/>
      <c r="C9" s="173"/>
      <c r="D9" s="173"/>
      <c r="E9" s="173"/>
      <c r="F9" s="191"/>
      <c r="G9" s="191"/>
      <c r="H9" s="29"/>
      <c r="I9" s="191"/>
      <c r="J9" s="191"/>
      <c r="K9" s="191"/>
      <c r="L9" s="29"/>
      <c r="M9" s="191"/>
      <c r="N9" s="191"/>
      <c r="O9" s="191"/>
      <c r="P9" s="28"/>
      <c r="Q9" s="28"/>
      <c r="R9" s="28"/>
      <c r="S9" s="28"/>
      <c r="T9" s="28"/>
      <c r="U9" s="28"/>
      <c r="V9" s="165" t="s">
        <v>13</v>
      </c>
      <c r="W9" s="165"/>
      <c r="X9" s="165"/>
      <c r="Y9" s="165"/>
      <c r="Z9" s="168"/>
      <c r="AA9" s="168"/>
      <c r="AB9" s="176"/>
      <c r="AC9" s="129" t="s">
        <v>11</v>
      </c>
      <c r="AD9" s="177"/>
      <c r="AE9" s="176"/>
      <c r="AF9" s="176"/>
      <c r="AG9" s="176"/>
      <c r="AH9" s="129" t="s">
        <v>11</v>
      </c>
      <c r="AI9" s="168"/>
      <c r="AJ9" s="168"/>
      <c r="AK9" s="168"/>
    </row>
    <row r="10" spans="2:38" ht="25.5" customHeight="1" x14ac:dyDescent="0.15">
      <c r="B10" s="4" t="s">
        <v>14</v>
      </c>
      <c r="C10" s="5"/>
      <c r="D10" s="5"/>
      <c r="E10" s="5"/>
      <c r="F10" s="5"/>
      <c r="G10" s="5"/>
      <c r="H10" s="5"/>
      <c r="I10" s="5"/>
      <c r="J10" s="5"/>
      <c r="K10" s="5"/>
      <c r="L10" s="5"/>
      <c r="M10" s="5"/>
      <c r="N10" s="5"/>
      <c r="O10" s="5"/>
      <c r="P10" s="28"/>
      <c r="Q10" s="28"/>
      <c r="R10" s="28"/>
      <c r="S10" s="28"/>
      <c r="T10" s="28"/>
      <c r="U10" s="28"/>
      <c r="V10" s="179"/>
      <c r="W10" s="179"/>
      <c r="X10" s="179"/>
      <c r="Y10" s="179"/>
      <c r="Z10" s="179"/>
      <c r="AA10" s="179"/>
      <c r="AB10" s="179"/>
      <c r="AC10" s="179"/>
      <c r="AD10" s="179"/>
      <c r="AE10" s="179"/>
      <c r="AF10" s="179"/>
      <c r="AG10" s="179"/>
      <c r="AH10" s="179"/>
      <c r="AI10" s="179"/>
      <c r="AJ10" s="179"/>
      <c r="AK10" s="179"/>
    </row>
    <row r="11" spans="2:38" ht="25.5" customHeight="1" x14ac:dyDescent="0.15">
      <c r="B11" s="12" t="s">
        <v>15</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row>
    <row r="12" spans="2:38" ht="25.5" customHeight="1" thickBot="1" x14ac:dyDescent="0.2">
      <c r="B12" s="4"/>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c r="AK12" s="5"/>
    </row>
    <row r="13" spans="2:38" ht="25.5" customHeight="1" thickBot="1" x14ac:dyDescent="0.2">
      <c r="B13" s="94" t="s">
        <v>16</v>
      </c>
      <c r="C13" s="180" t="s">
        <v>17</v>
      </c>
      <c r="D13" s="181"/>
      <c r="E13" s="181"/>
      <c r="F13" s="181"/>
      <c r="G13" s="181"/>
      <c r="H13" s="182"/>
      <c r="I13" s="180" t="s">
        <v>18</v>
      </c>
      <c r="J13" s="181"/>
      <c r="K13" s="181"/>
      <c r="L13" s="181"/>
      <c r="M13" s="181"/>
      <c r="N13" s="181"/>
      <c r="O13" s="181"/>
      <c r="P13" s="181"/>
      <c r="Q13" s="181"/>
      <c r="R13" s="181"/>
      <c r="S13" s="181"/>
      <c r="T13" s="181"/>
      <c r="U13" s="181"/>
      <c r="V13" s="181"/>
      <c r="W13" s="181"/>
      <c r="X13" s="181"/>
      <c r="Y13" s="181"/>
      <c r="Z13" s="181"/>
      <c r="AA13" s="181"/>
      <c r="AB13" s="181"/>
      <c r="AC13" s="181"/>
      <c r="AD13" s="181"/>
      <c r="AE13" s="181"/>
      <c r="AF13" s="181"/>
      <c r="AG13" s="181"/>
      <c r="AH13" s="181"/>
      <c r="AI13" s="181"/>
      <c r="AJ13" s="183"/>
      <c r="AK13" s="183"/>
      <c r="AL13" s="98"/>
    </row>
    <row r="14" spans="2:38" ht="25.5" customHeight="1" x14ac:dyDescent="0.15">
      <c r="B14" s="184">
        <v>1</v>
      </c>
      <c r="C14" s="187" t="s">
        <v>19</v>
      </c>
      <c r="D14" s="187"/>
      <c r="E14" s="187"/>
      <c r="F14" s="187"/>
      <c r="G14" s="187"/>
      <c r="H14" s="187"/>
      <c r="I14" s="50" t="s">
        <v>20</v>
      </c>
      <c r="J14" s="46" t="s">
        <v>21</v>
      </c>
      <c r="K14" s="46"/>
      <c r="L14" s="46"/>
      <c r="M14" s="53" t="s">
        <v>20</v>
      </c>
      <c r="N14" s="46" t="s">
        <v>22</v>
      </c>
      <c r="O14" s="46"/>
      <c r="P14" s="46"/>
      <c r="Q14" s="53" t="s">
        <v>20</v>
      </c>
      <c r="R14" s="46" t="s">
        <v>23</v>
      </c>
      <c r="S14" s="46"/>
      <c r="T14" s="46"/>
      <c r="U14" s="46"/>
      <c r="V14" s="46"/>
      <c r="W14" s="53" t="s">
        <v>20</v>
      </c>
      <c r="X14" s="46" t="s">
        <v>24</v>
      </c>
      <c r="Y14" s="46"/>
      <c r="Z14" s="53" t="s">
        <v>20</v>
      </c>
      <c r="AA14" s="46" t="s">
        <v>25</v>
      </c>
      <c r="AB14" s="46"/>
      <c r="AC14" s="46"/>
      <c r="AD14" s="46"/>
      <c r="AE14" s="53" t="s">
        <v>20</v>
      </c>
      <c r="AF14" s="46" t="s">
        <v>26</v>
      </c>
      <c r="AG14" s="46"/>
      <c r="AH14" s="46"/>
      <c r="AI14" s="46"/>
      <c r="AJ14" s="46"/>
      <c r="AK14" s="46"/>
      <c r="AL14" s="98"/>
    </row>
    <row r="15" spans="2:38" ht="25.5" customHeight="1" x14ac:dyDescent="0.15">
      <c r="B15" s="185"/>
      <c r="C15" s="188"/>
      <c r="D15" s="188"/>
      <c r="E15" s="188"/>
      <c r="F15" s="188"/>
      <c r="G15" s="188"/>
      <c r="H15" s="188"/>
      <c r="I15" s="51" t="s">
        <v>20</v>
      </c>
      <c r="J15" s="47" t="s">
        <v>27</v>
      </c>
      <c r="K15" s="47"/>
      <c r="L15" s="47"/>
      <c r="M15" s="52" t="s">
        <v>20</v>
      </c>
      <c r="N15" s="47" t="s">
        <v>28</v>
      </c>
      <c r="O15" s="47"/>
      <c r="P15" s="47"/>
      <c r="Q15" s="52" t="s">
        <v>20</v>
      </c>
      <c r="R15" s="47" t="s">
        <v>29</v>
      </c>
      <c r="S15" s="47"/>
      <c r="T15" s="47"/>
      <c r="U15" s="47"/>
      <c r="V15" s="47"/>
      <c r="W15" s="52" t="s">
        <v>20</v>
      </c>
      <c r="X15" s="47" t="s">
        <v>30</v>
      </c>
      <c r="Y15" s="47"/>
      <c r="Z15" s="47"/>
      <c r="AA15" s="47"/>
      <c r="AB15" s="47"/>
      <c r="AC15" s="47"/>
      <c r="AD15" s="47"/>
      <c r="AE15" s="52" t="s">
        <v>20</v>
      </c>
      <c r="AF15" s="47" t="s">
        <v>31</v>
      </c>
      <c r="AG15" s="47"/>
      <c r="AH15" s="47"/>
      <c r="AI15" s="47"/>
      <c r="AJ15" s="47"/>
      <c r="AK15" s="47"/>
      <c r="AL15" s="98"/>
    </row>
    <row r="16" spans="2:38" ht="25.5" customHeight="1" x14ac:dyDescent="0.15">
      <c r="B16" s="185"/>
      <c r="C16" s="188"/>
      <c r="D16" s="188"/>
      <c r="E16" s="188"/>
      <c r="F16" s="188"/>
      <c r="G16" s="188"/>
      <c r="H16" s="188"/>
      <c r="I16" s="51" t="s">
        <v>20</v>
      </c>
      <c r="J16" s="47" t="s">
        <v>32</v>
      </c>
      <c r="K16" s="47"/>
      <c r="L16" s="47"/>
      <c r="M16" s="47"/>
      <c r="N16" s="47"/>
      <c r="O16" s="47"/>
      <c r="P16" s="47"/>
      <c r="Q16" s="52" t="s">
        <v>20</v>
      </c>
      <c r="R16" s="47" t="s">
        <v>33</v>
      </c>
      <c r="S16" s="47"/>
      <c r="T16" s="47"/>
      <c r="U16" s="47"/>
      <c r="V16" s="47"/>
      <c r="W16" s="52" t="s">
        <v>20</v>
      </c>
      <c r="X16" s="47" t="s">
        <v>34</v>
      </c>
      <c r="Y16" s="47"/>
      <c r="Z16" s="47"/>
      <c r="AA16" s="47"/>
      <c r="AB16" s="47"/>
      <c r="AC16" s="47"/>
      <c r="AD16" s="47"/>
      <c r="AE16" s="47"/>
      <c r="AF16" s="52" t="s">
        <v>20</v>
      </c>
      <c r="AG16" s="47" t="s">
        <v>35</v>
      </c>
      <c r="AH16" s="47"/>
      <c r="AI16" s="47"/>
      <c r="AJ16" s="47"/>
      <c r="AK16" s="47"/>
      <c r="AL16" s="98"/>
    </row>
    <row r="17" spans="2:38" ht="25.5" customHeight="1" thickBot="1" x14ac:dyDescent="0.2">
      <c r="B17" s="186"/>
      <c r="C17" s="189"/>
      <c r="D17" s="189"/>
      <c r="E17" s="189"/>
      <c r="F17" s="189"/>
      <c r="G17" s="189"/>
      <c r="H17" s="189"/>
      <c r="I17" s="68" t="s">
        <v>20</v>
      </c>
      <c r="J17" s="48" t="s">
        <v>36</v>
      </c>
      <c r="K17" s="48"/>
      <c r="L17" s="48"/>
      <c r="M17" s="48"/>
      <c r="N17" s="69" t="s">
        <v>20</v>
      </c>
      <c r="O17" s="48" t="s">
        <v>37</v>
      </c>
      <c r="P17" s="48"/>
      <c r="Q17" s="48"/>
      <c r="R17" s="48"/>
      <c r="S17" s="69" t="s">
        <v>20</v>
      </c>
      <c r="T17" s="48" t="s">
        <v>38</v>
      </c>
      <c r="U17" s="48"/>
      <c r="V17" s="48"/>
      <c r="W17" s="69" t="s">
        <v>20</v>
      </c>
      <c r="X17" s="48" t="s">
        <v>39</v>
      </c>
      <c r="Y17" s="49"/>
      <c r="Z17" s="190"/>
      <c r="AA17" s="190"/>
      <c r="AB17" s="190"/>
      <c r="AC17" s="190"/>
      <c r="AD17" s="190"/>
      <c r="AE17" s="190"/>
      <c r="AF17" s="190"/>
      <c r="AG17" s="190"/>
      <c r="AH17" s="190"/>
      <c r="AI17" s="48" t="s">
        <v>40</v>
      </c>
      <c r="AJ17" s="49"/>
      <c r="AK17" s="48"/>
      <c r="AL17" s="98"/>
    </row>
    <row r="18" spans="2:38" ht="25.5" customHeight="1" x14ac:dyDescent="0.15">
      <c r="B18" s="184">
        <v>2</v>
      </c>
      <c r="C18" s="212" t="s">
        <v>41</v>
      </c>
      <c r="D18" s="202"/>
      <c r="E18" s="202"/>
      <c r="F18" s="202"/>
      <c r="G18" s="202"/>
      <c r="H18" s="203"/>
      <c r="I18" s="213"/>
      <c r="J18" s="214"/>
      <c r="K18" s="214"/>
      <c r="L18" s="214"/>
      <c r="M18" s="214"/>
      <c r="N18" s="214"/>
      <c r="O18" s="214"/>
      <c r="P18" s="214"/>
      <c r="Q18" s="214"/>
      <c r="R18" s="214"/>
      <c r="S18" s="214"/>
      <c r="T18" s="214"/>
      <c r="U18" s="214"/>
      <c r="V18" s="214"/>
      <c r="W18" s="214"/>
      <c r="X18" s="214"/>
      <c r="Y18" s="214"/>
      <c r="Z18" s="215"/>
      <c r="AA18" s="22"/>
      <c r="AB18" s="23"/>
      <c r="AC18" s="23"/>
      <c r="AD18" s="117"/>
      <c r="AE18" s="117"/>
      <c r="AF18" s="117"/>
      <c r="AG18" s="117"/>
      <c r="AH18" s="23"/>
      <c r="AI18" s="23"/>
      <c r="AJ18" s="23"/>
      <c r="AK18" s="23"/>
      <c r="AL18" s="98"/>
    </row>
    <row r="19" spans="2:38" ht="33.75" customHeight="1" thickBot="1" x14ac:dyDescent="0.2">
      <c r="B19" s="186"/>
      <c r="C19" s="216" t="s">
        <v>42</v>
      </c>
      <c r="D19" s="217"/>
      <c r="E19" s="217"/>
      <c r="F19" s="217"/>
      <c r="G19" s="217"/>
      <c r="H19" s="218"/>
      <c r="I19" s="219"/>
      <c r="J19" s="220"/>
      <c r="K19" s="220"/>
      <c r="L19" s="220"/>
      <c r="M19" s="220"/>
      <c r="N19" s="220"/>
      <c r="O19" s="220"/>
      <c r="P19" s="220"/>
      <c r="Q19" s="220"/>
      <c r="R19" s="220"/>
      <c r="S19" s="220"/>
      <c r="T19" s="220"/>
      <c r="U19" s="220"/>
      <c r="V19" s="220"/>
      <c r="W19" s="220"/>
      <c r="X19" s="220"/>
      <c r="Y19" s="220"/>
      <c r="Z19" s="220"/>
      <c r="AA19" s="221" t="s">
        <v>43</v>
      </c>
      <c r="AB19" s="222"/>
      <c r="AC19" s="223"/>
      <c r="AD19" s="224"/>
      <c r="AE19" s="153"/>
      <c r="AF19" s="153"/>
      <c r="AG19" s="116" t="s">
        <v>44</v>
      </c>
      <c r="AH19" s="130"/>
      <c r="AI19" s="131" t="s">
        <v>5</v>
      </c>
      <c r="AJ19" s="130"/>
      <c r="AK19" s="131" t="s">
        <v>45</v>
      </c>
      <c r="AL19" s="98"/>
    </row>
    <row r="20" spans="2:38" ht="33.75" customHeight="1" thickBot="1" x14ac:dyDescent="0.2">
      <c r="B20" s="41">
        <v>3</v>
      </c>
      <c r="C20" s="192" t="s">
        <v>46</v>
      </c>
      <c r="D20" s="193"/>
      <c r="E20" s="193"/>
      <c r="F20" s="193"/>
      <c r="G20" s="193"/>
      <c r="H20" s="194"/>
      <c r="I20" s="51" t="s">
        <v>20</v>
      </c>
      <c r="J20" s="54" t="s">
        <v>47</v>
      </c>
      <c r="K20" s="52" t="s">
        <v>20</v>
      </c>
      <c r="L20" s="55" t="s">
        <v>48</v>
      </c>
      <c r="M20" s="195" t="s">
        <v>49</v>
      </c>
      <c r="N20" s="196"/>
      <c r="O20" s="196"/>
      <c r="P20" s="196"/>
      <c r="Q20" s="196"/>
      <c r="R20" s="196"/>
      <c r="S20" s="197"/>
      <c r="T20" s="198"/>
      <c r="U20" s="199"/>
      <c r="V20" s="6" t="s">
        <v>4</v>
      </c>
      <c r="W20" s="44"/>
      <c r="X20" s="6" t="s">
        <v>5</v>
      </c>
      <c r="Y20" s="44"/>
      <c r="Z20" s="6" t="s">
        <v>6</v>
      </c>
      <c r="AA20" s="6" t="s">
        <v>50</v>
      </c>
      <c r="AB20" s="225"/>
      <c r="AC20" s="226"/>
      <c r="AD20" s="6" t="s">
        <v>4</v>
      </c>
      <c r="AE20" s="44"/>
      <c r="AF20" s="6" t="s">
        <v>5</v>
      </c>
      <c r="AG20" s="44"/>
      <c r="AH20" s="6" t="s">
        <v>6</v>
      </c>
      <c r="AI20" s="11"/>
      <c r="AJ20" s="93"/>
      <c r="AL20" s="98"/>
    </row>
    <row r="21" spans="2:38" ht="26.25" customHeight="1" thickBot="1" x14ac:dyDescent="0.2">
      <c r="B21" s="184">
        <v>4</v>
      </c>
      <c r="C21" s="201" t="s">
        <v>51</v>
      </c>
      <c r="D21" s="202"/>
      <c r="E21" s="202"/>
      <c r="F21" s="202"/>
      <c r="G21" s="202"/>
      <c r="H21" s="203"/>
      <c r="I21" s="207" t="s">
        <v>52</v>
      </c>
      <c r="J21" s="208"/>
      <c r="K21" s="208"/>
      <c r="L21" s="209"/>
      <c r="M21" s="210"/>
      <c r="N21" s="211"/>
      <c r="O21" s="211"/>
      <c r="P21" s="211"/>
      <c r="Q21" s="211"/>
      <c r="R21" s="211"/>
      <c r="S21" s="211"/>
      <c r="T21" s="211"/>
      <c r="U21" s="211"/>
      <c r="V21" s="211"/>
      <c r="W21" s="211"/>
      <c r="X21" s="211"/>
      <c r="Y21" s="211"/>
      <c r="Z21" s="211"/>
      <c r="AA21" s="211"/>
      <c r="AB21" s="211"/>
      <c r="AC21" s="211"/>
      <c r="AD21" s="211"/>
      <c r="AE21" s="211"/>
      <c r="AF21" s="211"/>
      <c r="AG21" s="211"/>
      <c r="AH21" s="211"/>
      <c r="AI21" s="211"/>
      <c r="AJ21" s="211"/>
      <c r="AK21" s="211"/>
      <c r="AL21" s="98"/>
    </row>
    <row r="22" spans="2:38" ht="26.25" customHeight="1" thickBot="1" x14ac:dyDescent="0.2">
      <c r="B22" s="200"/>
      <c r="C22" s="204"/>
      <c r="D22" s="205"/>
      <c r="E22" s="205"/>
      <c r="F22" s="205"/>
      <c r="G22" s="205"/>
      <c r="H22" s="206"/>
      <c r="I22" s="207" t="s">
        <v>53</v>
      </c>
      <c r="J22" s="208"/>
      <c r="K22" s="208"/>
      <c r="L22" s="209"/>
      <c r="M22" s="231"/>
      <c r="N22" s="232"/>
      <c r="O22" s="232"/>
      <c r="P22" s="232"/>
      <c r="Q22" s="232"/>
      <c r="R22" s="232"/>
      <c r="S22" s="232"/>
      <c r="T22" s="232"/>
      <c r="U22" s="232"/>
      <c r="V22" s="232"/>
      <c r="W22" s="232"/>
      <c r="X22" s="232"/>
      <c r="Y22" s="232"/>
      <c r="Z22" s="232"/>
      <c r="AA22" s="232"/>
      <c r="AB22" s="232"/>
      <c r="AC22" s="232"/>
      <c r="AD22" s="232"/>
      <c r="AE22" s="232"/>
      <c r="AF22" s="232"/>
      <c r="AG22" s="232"/>
      <c r="AH22" s="232"/>
      <c r="AI22" s="232"/>
      <c r="AJ22" s="232"/>
      <c r="AK22" s="233"/>
      <c r="AL22" s="98"/>
    </row>
    <row r="23" spans="2:38" ht="25.5" customHeight="1" x14ac:dyDescent="0.15">
      <c r="B23" s="184">
        <v>5</v>
      </c>
      <c r="C23" s="201" t="s">
        <v>54</v>
      </c>
      <c r="D23" s="202"/>
      <c r="E23" s="202"/>
      <c r="F23" s="202"/>
      <c r="G23" s="202"/>
      <c r="H23" s="203"/>
      <c r="I23" s="50" t="s">
        <v>20</v>
      </c>
      <c r="J23" s="60" t="s">
        <v>55</v>
      </c>
      <c r="K23" s="60"/>
      <c r="L23" s="53" t="s">
        <v>20</v>
      </c>
      <c r="M23" s="112" t="s">
        <v>56</v>
      </c>
      <c r="N23" s="112"/>
      <c r="O23" s="112"/>
      <c r="P23" s="112"/>
      <c r="Q23" s="52" t="s">
        <v>20</v>
      </c>
      <c r="R23" s="112" t="s">
        <v>57</v>
      </c>
      <c r="S23" s="112"/>
      <c r="T23" s="52" t="s">
        <v>20</v>
      </c>
      <c r="U23" s="112" t="s">
        <v>58</v>
      </c>
      <c r="V23" s="112"/>
      <c r="W23" s="52" t="s">
        <v>20</v>
      </c>
      <c r="X23" s="112" t="s">
        <v>59</v>
      </c>
      <c r="Y23" s="112"/>
      <c r="Z23" s="112"/>
      <c r="AA23" s="112"/>
      <c r="AB23" s="52" t="s">
        <v>20</v>
      </c>
      <c r="AC23" s="112" t="s">
        <v>60</v>
      </c>
      <c r="AD23" s="112"/>
      <c r="AE23" s="112"/>
      <c r="AF23" s="112"/>
      <c r="AG23" s="52" t="s">
        <v>20</v>
      </c>
      <c r="AH23" s="112" t="s">
        <v>61</v>
      </c>
      <c r="AI23" s="112"/>
      <c r="AK23" s="115"/>
    </row>
    <row r="24" spans="2:38" ht="25.5" customHeight="1" thickBot="1" x14ac:dyDescent="0.2">
      <c r="B24" s="186"/>
      <c r="C24" s="234"/>
      <c r="D24" s="235"/>
      <c r="E24" s="235"/>
      <c r="F24" s="235"/>
      <c r="G24" s="235"/>
      <c r="H24" s="236"/>
      <c r="I24" s="51" t="s">
        <v>20</v>
      </c>
      <c r="J24" s="61" t="s">
        <v>62</v>
      </c>
      <c r="K24" s="61"/>
      <c r="L24" s="52" t="s">
        <v>20</v>
      </c>
      <c r="M24" s="58" t="s">
        <v>63</v>
      </c>
      <c r="N24" s="58"/>
      <c r="O24" s="58"/>
      <c r="P24" s="58"/>
      <c r="Q24" s="52" t="s">
        <v>20</v>
      </c>
      <c r="R24" s="58" t="s">
        <v>64</v>
      </c>
      <c r="S24" s="58"/>
      <c r="T24" s="59"/>
      <c r="U24" s="52" t="s">
        <v>20</v>
      </c>
      <c r="V24" s="58" t="s">
        <v>65</v>
      </c>
      <c r="W24" s="52" t="s">
        <v>20</v>
      </c>
      <c r="X24" s="58" t="s">
        <v>66</v>
      </c>
      <c r="Y24" s="58"/>
      <c r="Z24" s="58"/>
      <c r="AA24" s="52" t="s">
        <v>20</v>
      </c>
      <c r="AB24" s="58" t="s">
        <v>67</v>
      </c>
      <c r="AC24" s="58"/>
      <c r="AD24" s="152"/>
      <c r="AE24" s="153"/>
      <c r="AF24" s="153"/>
      <c r="AG24" s="153"/>
      <c r="AH24" s="153"/>
      <c r="AI24" s="153"/>
      <c r="AJ24" s="153"/>
      <c r="AK24" s="58" t="s">
        <v>68</v>
      </c>
      <c r="AL24" s="98"/>
    </row>
    <row r="25" spans="2:38" ht="25.5" customHeight="1" x14ac:dyDescent="0.15">
      <c r="B25" s="237">
        <v>6</v>
      </c>
      <c r="C25" s="192" t="s">
        <v>69</v>
      </c>
      <c r="D25" s="193"/>
      <c r="E25" s="193"/>
      <c r="F25" s="193"/>
      <c r="G25" s="193"/>
      <c r="H25" s="194"/>
      <c r="I25" s="56" t="s">
        <v>70</v>
      </c>
      <c r="J25" s="57" t="s">
        <v>71</v>
      </c>
      <c r="K25" s="57" t="s">
        <v>72</v>
      </c>
      <c r="L25" s="57" t="s">
        <v>73</v>
      </c>
      <c r="M25" s="57" t="s">
        <v>74</v>
      </c>
      <c r="N25" s="57" t="s">
        <v>75</v>
      </c>
      <c r="O25" s="57" t="s">
        <v>45</v>
      </c>
      <c r="P25" s="246" t="s">
        <v>76</v>
      </c>
      <c r="Q25" s="246"/>
      <c r="R25" s="247"/>
      <c r="S25" s="248" t="s">
        <v>77</v>
      </c>
      <c r="T25" s="249"/>
      <c r="U25" s="252" t="s">
        <v>78</v>
      </c>
      <c r="V25" s="227"/>
      <c r="W25" s="229"/>
      <c r="X25" s="229"/>
      <c r="Y25" s="227" t="s">
        <v>79</v>
      </c>
      <c r="Z25" s="227"/>
      <c r="AA25" s="229"/>
      <c r="AB25" s="229"/>
      <c r="AC25" s="227" t="s">
        <v>80</v>
      </c>
      <c r="AD25" s="227" t="s">
        <v>81</v>
      </c>
      <c r="AE25" s="227"/>
      <c r="AF25" s="227"/>
      <c r="AG25" s="229"/>
      <c r="AH25" s="229"/>
      <c r="AI25" s="227" t="s">
        <v>82</v>
      </c>
      <c r="AJ25" s="356"/>
      <c r="AK25" s="357"/>
    </row>
    <row r="26" spans="2:38" ht="25.5" customHeight="1" x14ac:dyDescent="0.15">
      <c r="B26" s="238"/>
      <c r="C26" s="240"/>
      <c r="D26" s="241"/>
      <c r="E26" s="241"/>
      <c r="F26" s="241"/>
      <c r="G26" s="241"/>
      <c r="H26" s="242"/>
      <c r="I26" s="66" t="s">
        <v>20</v>
      </c>
      <c r="J26" s="67" t="s">
        <v>20</v>
      </c>
      <c r="K26" s="67" t="s">
        <v>20</v>
      </c>
      <c r="L26" s="67" t="s">
        <v>20</v>
      </c>
      <c r="M26" s="67" t="s">
        <v>20</v>
      </c>
      <c r="N26" s="67" t="s">
        <v>20</v>
      </c>
      <c r="O26" s="67" t="s">
        <v>20</v>
      </c>
      <c r="P26" s="254" t="s">
        <v>20</v>
      </c>
      <c r="Q26" s="254"/>
      <c r="R26" s="255"/>
      <c r="S26" s="250"/>
      <c r="T26" s="251"/>
      <c r="U26" s="253"/>
      <c r="V26" s="228"/>
      <c r="W26" s="230"/>
      <c r="X26" s="230"/>
      <c r="Y26" s="228"/>
      <c r="Z26" s="228"/>
      <c r="AA26" s="230"/>
      <c r="AB26" s="230"/>
      <c r="AC26" s="228"/>
      <c r="AD26" s="228"/>
      <c r="AE26" s="228"/>
      <c r="AF26" s="228"/>
      <c r="AG26" s="230"/>
      <c r="AH26" s="230"/>
      <c r="AI26" s="228"/>
      <c r="AJ26" s="358"/>
      <c r="AK26" s="359"/>
    </row>
    <row r="27" spans="2:38" ht="25.5" customHeight="1" x14ac:dyDescent="0.15">
      <c r="B27" s="238"/>
      <c r="C27" s="240"/>
      <c r="D27" s="241"/>
      <c r="E27" s="241"/>
      <c r="F27" s="241"/>
      <c r="G27" s="241"/>
      <c r="H27" s="242"/>
      <c r="I27" s="256" t="s">
        <v>83</v>
      </c>
      <c r="J27" s="257"/>
      <c r="K27" s="257"/>
      <c r="L27" s="257"/>
      <c r="M27" s="257"/>
      <c r="N27" s="258"/>
      <c r="O27" s="259" t="s">
        <v>78</v>
      </c>
      <c r="P27" s="260"/>
      <c r="Q27" s="261"/>
      <c r="R27" s="262"/>
      <c r="S27" s="262"/>
      <c r="T27" s="20" t="s">
        <v>6</v>
      </c>
      <c r="U27" s="263" t="s">
        <v>84</v>
      </c>
      <c r="V27" s="257"/>
      <c r="W27" s="257"/>
      <c r="X27" s="257"/>
      <c r="Y27" s="257"/>
      <c r="Z27" s="258"/>
      <c r="AA27" s="259" t="s">
        <v>85</v>
      </c>
      <c r="AB27" s="260"/>
      <c r="AC27" s="261"/>
      <c r="AD27" s="261"/>
      <c r="AE27" s="261"/>
      <c r="AF27" s="70" t="s">
        <v>6</v>
      </c>
      <c r="AG27" s="264"/>
      <c r="AH27" s="264"/>
      <c r="AI27" s="264"/>
      <c r="AJ27" s="119"/>
      <c r="AL27" s="98"/>
    </row>
    <row r="28" spans="2:38" ht="25.5" customHeight="1" x14ac:dyDescent="0.15">
      <c r="B28" s="238"/>
      <c r="C28" s="240"/>
      <c r="D28" s="241"/>
      <c r="E28" s="241"/>
      <c r="F28" s="241"/>
      <c r="G28" s="241"/>
      <c r="H28" s="242"/>
      <c r="I28" s="265" t="s">
        <v>86</v>
      </c>
      <c r="J28" s="266"/>
      <c r="K28" s="267"/>
      <c r="L28" s="267"/>
      <c r="M28" s="8" t="s">
        <v>87</v>
      </c>
      <c r="N28" s="268"/>
      <c r="O28" s="268"/>
      <c r="P28" s="8" t="s">
        <v>80</v>
      </c>
      <c r="Q28" s="9"/>
      <c r="R28" s="71" t="s">
        <v>50</v>
      </c>
      <c r="S28" s="71"/>
      <c r="T28" s="269"/>
      <c r="U28" s="269"/>
      <c r="V28" s="71" t="s">
        <v>87</v>
      </c>
      <c r="W28" s="269"/>
      <c r="X28" s="269"/>
      <c r="Y28" s="71" t="s">
        <v>80</v>
      </c>
      <c r="Z28" s="72" t="s">
        <v>81</v>
      </c>
      <c r="AA28" s="72"/>
      <c r="AB28" s="72"/>
      <c r="AC28" s="270"/>
      <c r="AD28" s="270"/>
      <c r="AE28" s="72" t="s">
        <v>82</v>
      </c>
      <c r="AF28" s="271"/>
      <c r="AG28" s="271"/>
      <c r="AH28" s="271"/>
      <c r="AI28" s="271"/>
      <c r="AJ28" s="121"/>
      <c r="AK28" s="132"/>
    </row>
    <row r="29" spans="2:38" ht="25.5" customHeight="1" x14ac:dyDescent="0.15">
      <c r="B29" s="238"/>
      <c r="C29" s="240"/>
      <c r="D29" s="241"/>
      <c r="E29" s="241"/>
      <c r="F29" s="241"/>
      <c r="G29" s="241"/>
      <c r="H29" s="242"/>
      <c r="I29" s="291" t="s">
        <v>88</v>
      </c>
      <c r="J29" s="292"/>
      <c r="K29" s="293"/>
      <c r="L29" s="293"/>
      <c r="M29" s="73" t="s">
        <v>87</v>
      </c>
      <c r="N29" s="293"/>
      <c r="O29" s="293"/>
      <c r="P29" s="73" t="s">
        <v>80</v>
      </c>
      <c r="Q29" s="74"/>
      <c r="R29" s="8" t="s">
        <v>50</v>
      </c>
      <c r="S29" s="8"/>
      <c r="T29" s="268"/>
      <c r="U29" s="268"/>
      <c r="V29" s="8" t="s">
        <v>87</v>
      </c>
      <c r="W29" s="268"/>
      <c r="X29" s="268"/>
      <c r="Y29" s="8" t="s">
        <v>80</v>
      </c>
      <c r="Z29" s="13" t="s">
        <v>89</v>
      </c>
      <c r="AA29" s="13"/>
      <c r="AB29" s="13"/>
      <c r="AC29" s="270"/>
      <c r="AD29" s="270"/>
      <c r="AE29" s="13" t="s">
        <v>82</v>
      </c>
      <c r="AF29" s="260"/>
      <c r="AG29" s="260"/>
      <c r="AH29" s="260"/>
      <c r="AI29" s="260"/>
      <c r="AJ29" s="119"/>
      <c r="AK29" s="132"/>
    </row>
    <row r="30" spans="2:38" ht="25.5" customHeight="1" thickBot="1" x14ac:dyDescent="0.2">
      <c r="B30" s="238"/>
      <c r="C30" s="243"/>
      <c r="D30" s="244"/>
      <c r="E30" s="244"/>
      <c r="F30" s="244"/>
      <c r="G30" s="244"/>
      <c r="H30" s="245"/>
      <c r="I30" s="286" t="s">
        <v>90</v>
      </c>
      <c r="J30" s="287"/>
      <c r="K30" s="288"/>
      <c r="L30" s="288"/>
      <c r="M30" s="133" t="s">
        <v>87</v>
      </c>
      <c r="N30" s="288"/>
      <c r="O30" s="288"/>
      <c r="P30" s="133" t="s">
        <v>80</v>
      </c>
      <c r="Q30" s="134"/>
      <c r="R30" s="133" t="s">
        <v>50</v>
      </c>
      <c r="T30" s="288"/>
      <c r="U30" s="288"/>
      <c r="V30" s="133" t="s">
        <v>87</v>
      </c>
      <c r="W30" s="288"/>
      <c r="X30" s="288"/>
      <c r="Y30" s="133" t="s">
        <v>80</v>
      </c>
      <c r="Z30" s="135" t="s">
        <v>89</v>
      </c>
      <c r="AA30" s="135"/>
      <c r="AB30" s="135"/>
      <c r="AC30" s="289"/>
      <c r="AD30" s="289"/>
      <c r="AE30" s="135" t="s">
        <v>82</v>
      </c>
      <c r="AF30" s="290"/>
      <c r="AG30" s="290"/>
      <c r="AH30" s="290"/>
      <c r="AI30" s="290"/>
      <c r="AK30" s="120"/>
    </row>
    <row r="31" spans="2:38" ht="25.5" customHeight="1" x14ac:dyDescent="0.15">
      <c r="B31" s="238"/>
      <c r="C31" s="272" t="s">
        <v>91</v>
      </c>
      <c r="D31" s="273"/>
      <c r="E31" s="273"/>
      <c r="F31" s="273"/>
      <c r="G31" s="273"/>
      <c r="H31" s="274"/>
      <c r="I31" s="281" t="s">
        <v>92</v>
      </c>
      <c r="J31" s="282"/>
      <c r="K31" s="282"/>
      <c r="L31" s="282"/>
      <c r="M31" s="63" t="s">
        <v>20</v>
      </c>
      <c r="N31" s="54" t="s">
        <v>78</v>
      </c>
      <c r="O31" s="62"/>
      <c r="P31" s="64" t="s">
        <v>20</v>
      </c>
      <c r="Q31" s="54" t="s">
        <v>85</v>
      </c>
      <c r="R31" s="62"/>
      <c r="S31" s="283"/>
      <c r="T31" s="283"/>
      <c r="U31" s="282" t="s">
        <v>79</v>
      </c>
      <c r="V31" s="282"/>
      <c r="W31" s="284"/>
      <c r="X31" s="284"/>
      <c r="Y31" s="122" t="s">
        <v>80</v>
      </c>
      <c r="Z31" s="123" t="s">
        <v>93</v>
      </c>
      <c r="AA31" s="123"/>
      <c r="AB31" s="123"/>
      <c r="AC31" s="285"/>
      <c r="AD31" s="285"/>
      <c r="AE31" s="123" t="s">
        <v>82</v>
      </c>
      <c r="AF31" s="294"/>
      <c r="AG31" s="294"/>
      <c r="AH31" s="294"/>
      <c r="AI31" s="294"/>
      <c r="AJ31" s="124"/>
      <c r="AK31" s="115"/>
    </row>
    <row r="32" spans="2:38" ht="25.5" customHeight="1" x14ac:dyDescent="0.15">
      <c r="B32" s="238"/>
      <c r="C32" s="275"/>
      <c r="D32" s="276"/>
      <c r="E32" s="276"/>
      <c r="F32" s="276"/>
      <c r="G32" s="276"/>
      <c r="H32" s="277"/>
      <c r="I32" s="256" t="s">
        <v>94</v>
      </c>
      <c r="J32" s="257"/>
      <c r="K32" s="257"/>
      <c r="L32" s="257"/>
      <c r="M32" s="75" t="s">
        <v>20</v>
      </c>
      <c r="N32" s="76" t="s">
        <v>78</v>
      </c>
      <c r="O32" s="77"/>
      <c r="P32" s="78" t="s">
        <v>20</v>
      </c>
      <c r="Q32" s="76" t="s">
        <v>85</v>
      </c>
      <c r="R32" s="77"/>
      <c r="S32" s="295"/>
      <c r="T32" s="295"/>
      <c r="U32" s="257" t="s">
        <v>6</v>
      </c>
      <c r="V32" s="257"/>
      <c r="W32" s="257"/>
      <c r="X32" s="257"/>
      <c r="Y32" s="257"/>
      <c r="Z32" s="257"/>
      <c r="AA32" s="257"/>
      <c r="AB32" s="257"/>
      <c r="AC32" s="257"/>
      <c r="AD32" s="257"/>
      <c r="AE32" s="257"/>
      <c r="AF32" s="257"/>
      <c r="AG32" s="257"/>
      <c r="AH32" s="257"/>
      <c r="AI32" s="257"/>
      <c r="AJ32" s="257"/>
      <c r="AK32" s="296"/>
      <c r="AL32" s="98"/>
    </row>
    <row r="33" spans="2:38" ht="39" customHeight="1" thickBot="1" x14ac:dyDescent="0.2">
      <c r="B33" s="239"/>
      <c r="C33" s="278"/>
      <c r="D33" s="279"/>
      <c r="E33" s="279"/>
      <c r="F33" s="279"/>
      <c r="G33" s="279"/>
      <c r="H33" s="280"/>
      <c r="I33" s="297" t="s">
        <v>95</v>
      </c>
      <c r="J33" s="297"/>
      <c r="K33" s="297"/>
      <c r="L33" s="297"/>
      <c r="M33" s="298"/>
      <c r="N33" s="299"/>
      <c r="O33" s="136" t="s">
        <v>96</v>
      </c>
      <c r="P33" s="299"/>
      <c r="Q33" s="299"/>
      <c r="R33" s="136" t="s">
        <v>80</v>
      </c>
      <c r="S33" s="136" t="s">
        <v>50</v>
      </c>
      <c r="T33" s="299"/>
      <c r="U33" s="299"/>
      <c r="V33" s="136" t="s">
        <v>96</v>
      </c>
      <c r="W33" s="299"/>
      <c r="X33" s="299"/>
      <c r="Y33" s="136" t="s">
        <v>80</v>
      </c>
      <c r="Z33" s="137" t="s">
        <v>81</v>
      </c>
      <c r="AA33" s="137"/>
      <c r="AB33" s="137"/>
      <c r="AC33" s="289"/>
      <c r="AD33" s="289"/>
      <c r="AE33" s="137" t="s">
        <v>82</v>
      </c>
      <c r="AF33" s="137"/>
      <c r="AG33" s="137"/>
      <c r="AH33" s="137"/>
      <c r="AI33" s="137"/>
      <c r="AK33" s="138"/>
    </row>
    <row r="34" spans="2:38" ht="25.5" customHeight="1" x14ac:dyDescent="0.15">
      <c r="B34" s="237">
        <v>7</v>
      </c>
      <c r="C34" s="192" t="s">
        <v>97</v>
      </c>
      <c r="D34" s="193"/>
      <c r="E34" s="193"/>
      <c r="F34" s="193"/>
      <c r="G34" s="193"/>
      <c r="H34" s="194"/>
      <c r="I34" s="281" t="s">
        <v>98</v>
      </c>
      <c r="J34" s="301"/>
      <c r="K34" s="308"/>
      <c r="L34" s="308"/>
      <c r="M34" s="40" t="s">
        <v>4</v>
      </c>
      <c r="N34" s="300"/>
      <c r="O34" s="300"/>
      <c r="P34" s="10" t="s">
        <v>5</v>
      </c>
      <c r="Q34" s="11"/>
      <c r="R34" s="281" t="s">
        <v>98</v>
      </c>
      <c r="S34" s="301"/>
      <c r="T34" s="199"/>
      <c r="U34" s="199"/>
      <c r="V34" s="40" t="s">
        <v>4</v>
      </c>
      <c r="W34" s="300"/>
      <c r="X34" s="300"/>
      <c r="Y34" s="10" t="s">
        <v>5</v>
      </c>
      <c r="Z34" s="7"/>
      <c r="AA34" s="282" t="s">
        <v>98</v>
      </c>
      <c r="AB34" s="301"/>
      <c r="AC34" s="199"/>
      <c r="AD34" s="199"/>
      <c r="AE34" s="40" t="s">
        <v>4</v>
      </c>
      <c r="AF34" s="300"/>
      <c r="AG34" s="300"/>
      <c r="AH34" s="10" t="s">
        <v>5</v>
      </c>
      <c r="AI34" s="362"/>
      <c r="AJ34" s="155"/>
      <c r="AK34" s="363"/>
    </row>
    <row r="35" spans="2:38" ht="25.5" customHeight="1" thickBot="1" x14ac:dyDescent="0.2">
      <c r="B35" s="238"/>
      <c r="C35" s="240"/>
      <c r="D35" s="241"/>
      <c r="E35" s="241"/>
      <c r="F35" s="241"/>
      <c r="G35" s="241"/>
      <c r="H35" s="242"/>
      <c r="I35" s="302"/>
      <c r="J35" s="288"/>
      <c r="K35" s="303" t="s">
        <v>99</v>
      </c>
      <c r="L35" s="304"/>
      <c r="M35" s="305"/>
      <c r="N35" s="306"/>
      <c r="O35" s="303" t="s">
        <v>100</v>
      </c>
      <c r="P35" s="303"/>
      <c r="Q35" s="307"/>
      <c r="R35" s="302"/>
      <c r="S35" s="288"/>
      <c r="T35" s="303" t="s">
        <v>99</v>
      </c>
      <c r="U35" s="304"/>
      <c r="V35" s="305"/>
      <c r="W35" s="306"/>
      <c r="X35" s="303" t="s">
        <v>100</v>
      </c>
      <c r="Y35" s="303"/>
      <c r="Z35" s="307"/>
      <c r="AA35" s="302"/>
      <c r="AB35" s="288"/>
      <c r="AC35" s="303" t="s">
        <v>99</v>
      </c>
      <c r="AD35" s="304"/>
      <c r="AE35" s="305"/>
      <c r="AF35" s="306"/>
      <c r="AG35" s="303" t="s">
        <v>100</v>
      </c>
      <c r="AH35" s="303"/>
      <c r="AI35" s="303"/>
      <c r="AJ35" s="360"/>
      <c r="AK35" s="361"/>
    </row>
    <row r="36" spans="2:38" ht="25.5" customHeight="1" x14ac:dyDescent="0.15">
      <c r="B36" s="237">
        <v>8</v>
      </c>
      <c r="C36" s="192" t="s">
        <v>101</v>
      </c>
      <c r="D36" s="193"/>
      <c r="E36" s="193"/>
      <c r="F36" s="193"/>
      <c r="G36" s="193"/>
      <c r="H36" s="194"/>
      <c r="I36" s="63" t="s">
        <v>102</v>
      </c>
      <c r="J36" s="54" t="s">
        <v>103</v>
      </c>
      <c r="K36" s="62"/>
      <c r="L36" s="64" t="s">
        <v>102</v>
      </c>
      <c r="M36" s="54" t="s">
        <v>104</v>
      </c>
      <c r="N36" s="62"/>
      <c r="O36" s="45"/>
      <c r="P36" s="54"/>
      <c r="Q36" s="45"/>
      <c r="R36" s="45"/>
      <c r="S36" s="45"/>
      <c r="T36" s="45"/>
      <c r="U36" s="45"/>
      <c r="V36" s="45"/>
      <c r="W36" s="45"/>
      <c r="X36" s="45"/>
      <c r="Y36" s="45"/>
      <c r="Z36" s="45"/>
      <c r="AA36" s="45"/>
      <c r="AB36" s="45"/>
      <c r="AC36" s="45"/>
      <c r="AD36" s="45"/>
      <c r="AE36" s="45"/>
      <c r="AF36" s="45"/>
      <c r="AG36" s="45"/>
      <c r="AH36" s="45"/>
      <c r="AI36" s="45"/>
      <c r="AJ36" s="45"/>
      <c r="AK36" s="45"/>
      <c r="AL36" s="98"/>
    </row>
    <row r="37" spans="2:38" ht="25.5" customHeight="1" thickBot="1" x14ac:dyDescent="0.2">
      <c r="B37" s="239"/>
      <c r="C37" s="243"/>
      <c r="D37" s="244"/>
      <c r="E37" s="244"/>
      <c r="F37" s="244"/>
      <c r="G37" s="244"/>
      <c r="H37" s="245"/>
      <c r="I37" s="319" t="s">
        <v>105</v>
      </c>
      <c r="J37" s="304"/>
      <c r="K37" s="288"/>
      <c r="L37" s="288"/>
      <c r="M37" s="133" t="s">
        <v>4</v>
      </c>
      <c r="N37" s="318"/>
      <c r="O37" s="318"/>
      <c r="P37" s="133" t="s">
        <v>5</v>
      </c>
      <c r="Q37" s="318"/>
      <c r="R37" s="318"/>
      <c r="S37" s="133" t="s">
        <v>6</v>
      </c>
      <c r="T37" s="140"/>
      <c r="U37" s="303" t="s">
        <v>106</v>
      </c>
      <c r="V37" s="303"/>
      <c r="W37" s="140"/>
      <c r="X37" s="288"/>
      <c r="Y37" s="288"/>
      <c r="Z37" s="133" t="s">
        <v>4</v>
      </c>
      <c r="AA37" s="318"/>
      <c r="AB37" s="318"/>
      <c r="AC37" s="133" t="s">
        <v>5</v>
      </c>
      <c r="AD37" s="318"/>
      <c r="AE37" s="318"/>
      <c r="AF37" s="133" t="s">
        <v>6</v>
      </c>
      <c r="AG37" s="303"/>
      <c r="AH37" s="303"/>
      <c r="AI37" s="303"/>
      <c r="AJ37" s="360"/>
      <c r="AK37" s="361"/>
    </row>
    <row r="38" spans="2:38" ht="25.5" customHeight="1" x14ac:dyDescent="0.15">
      <c r="B38" s="237">
        <v>9</v>
      </c>
      <c r="C38" s="192" t="s">
        <v>107</v>
      </c>
      <c r="D38" s="193"/>
      <c r="E38" s="193"/>
      <c r="F38" s="193"/>
      <c r="G38" s="193"/>
      <c r="H38" s="194"/>
      <c r="I38" s="63" t="s">
        <v>20</v>
      </c>
      <c r="J38" s="54" t="s">
        <v>103</v>
      </c>
      <c r="K38" s="62"/>
      <c r="L38" s="64" t="s">
        <v>20</v>
      </c>
      <c r="M38" s="54" t="s">
        <v>104</v>
      </c>
      <c r="N38" s="62"/>
      <c r="O38" s="64" t="s">
        <v>20</v>
      </c>
      <c r="P38" s="54" t="s">
        <v>108</v>
      </c>
      <c r="Q38" s="16"/>
      <c r="R38" s="17"/>
      <c r="S38" s="17"/>
      <c r="T38" s="17"/>
      <c r="U38" s="17"/>
      <c r="V38" s="17"/>
      <c r="W38" s="17"/>
      <c r="X38" s="17"/>
      <c r="Y38" s="17"/>
      <c r="Z38" s="17"/>
      <c r="AA38" s="17"/>
      <c r="AB38" s="17"/>
      <c r="AC38" s="17"/>
      <c r="AD38" s="17"/>
      <c r="AE38" s="17"/>
      <c r="AF38" s="17"/>
      <c r="AG38" s="17"/>
      <c r="AH38" s="17"/>
      <c r="AI38" s="17"/>
      <c r="AJ38" s="17"/>
      <c r="AK38" s="17"/>
      <c r="AL38" s="98"/>
    </row>
    <row r="39" spans="2:38" ht="25.5" customHeight="1" thickBot="1" x14ac:dyDescent="0.2">
      <c r="B39" s="200"/>
      <c r="C39" s="309"/>
      <c r="D39" s="310"/>
      <c r="E39" s="310"/>
      <c r="F39" s="310"/>
      <c r="G39" s="310"/>
      <c r="H39" s="311"/>
      <c r="I39" s="314" t="s">
        <v>105</v>
      </c>
      <c r="J39" s="315"/>
      <c r="K39" s="316"/>
      <c r="L39" s="317"/>
      <c r="M39" s="141" t="s">
        <v>4</v>
      </c>
      <c r="N39" s="142"/>
      <c r="O39" s="141" t="s">
        <v>5</v>
      </c>
      <c r="P39" s="142"/>
      <c r="Q39" s="141" t="s">
        <v>6</v>
      </c>
      <c r="R39" s="141" t="s">
        <v>50</v>
      </c>
      <c r="S39" s="317"/>
      <c r="T39" s="317"/>
      <c r="U39" s="141" t="s">
        <v>4</v>
      </c>
      <c r="V39" s="142"/>
      <c r="W39" s="141" t="s">
        <v>5</v>
      </c>
      <c r="X39" s="142"/>
      <c r="Y39" s="141" t="s">
        <v>6</v>
      </c>
      <c r="Z39" s="141"/>
      <c r="AA39" s="141"/>
      <c r="AB39" s="141"/>
      <c r="AC39" s="141"/>
      <c r="AD39" s="141"/>
      <c r="AE39" s="141"/>
      <c r="AF39" s="141"/>
      <c r="AG39" s="141"/>
      <c r="AH39" s="141"/>
      <c r="AI39" s="141"/>
      <c r="AJ39" s="141"/>
      <c r="AK39" s="143"/>
      <c r="AL39" s="98"/>
    </row>
    <row r="40" spans="2:38" ht="25.5" customHeight="1" x14ac:dyDescent="0.15">
      <c r="B40" s="237">
        <v>10</v>
      </c>
      <c r="C40" s="192" t="s">
        <v>109</v>
      </c>
      <c r="D40" s="193"/>
      <c r="E40" s="193"/>
      <c r="F40" s="193"/>
      <c r="G40" s="193"/>
      <c r="H40" s="194"/>
      <c r="I40" s="63" t="s">
        <v>20</v>
      </c>
      <c r="J40" s="54" t="s">
        <v>103</v>
      </c>
      <c r="K40" s="62"/>
      <c r="L40" s="64" t="s">
        <v>20</v>
      </c>
      <c r="M40" s="54" t="s">
        <v>104</v>
      </c>
      <c r="N40" s="62"/>
      <c r="O40" s="64" t="s">
        <v>20</v>
      </c>
      <c r="P40" s="54" t="s">
        <v>108</v>
      </c>
      <c r="Q40" s="16"/>
      <c r="R40" s="312" t="s">
        <v>110</v>
      </c>
      <c r="S40" s="313"/>
      <c r="T40" s="64" t="s">
        <v>20</v>
      </c>
      <c r="U40" s="18" t="s">
        <v>111</v>
      </c>
      <c r="V40" s="18"/>
      <c r="W40" s="18"/>
      <c r="X40" s="64" t="s">
        <v>20</v>
      </c>
      <c r="Y40" s="18" t="s">
        <v>112</v>
      </c>
      <c r="Z40" s="18"/>
      <c r="AA40" s="64" t="s">
        <v>20</v>
      </c>
      <c r="AB40" s="18" t="s">
        <v>113</v>
      </c>
      <c r="AC40" s="18"/>
      <c r="AD40" s="154"/>
      <c r="AE40" s="155"/>
      <c r="AF40" s="155"/>
      <c r="AG40" s="155"/>
      <c r="AH40" s="155"/>
      <c r="AI40" s="155"/>
      <c r="AJ40" s="155"/>
      <c r="AK40" s="9" t="s">
        <v>40</v>
      </c>
      <c r="AL40" s="98"/>
    </row>
    <row r="41" spans="2:38" ht="25.5" customHeight="1" thickBot="1" x14ac:dyDescent="0.2">
      <c r="B41" s="200"/>
      <c r="C41" s="309"/>
      <c r="D41" s="310"/>
      <c r="E41" s="310"/>
      <c r="F41" s="310"/>
      <c r="G41" s="310"/>
      <c r="H41" s="311"/>
      <c r="I41" s="314" t="s">
        <v>105</v>
      </c>
      <c r="J41" s="315"/>
      <c r="K41" s="316"/>
      <c r="L41" s="317"/>
      <c r="M41" s="141" t="s">
        <v>4</v>
      </c>
      <c r="N41" s="142"/>
      <c r="O41" s="141" t="s">
        <v>5</v>
      </c>
      <c r="P41" s="142"/>
      <c r="Q41" s="141" t="s">
        <v>6</v>
      </c>
      <c r="R41" s="141" t="s">
        <v>50</v>
      </c>
      <c r="S41" s="317"/>
      <c r="T41" s="317"/>
      <c r="U41" s="141" t="s">
        <v>4</v>
      </c>
      <c r="V41" s="142"/>
      <c r="W41" s="141" t="s">
        <v>5</v>
      </c>
      <c r="X41" s="142"/>
      <c r="Y41" s="141" t="s">
        <v>6</v>
      </c>
      <c r="Z41" s="141"/>
      <c r="AA41" s="141"/>
      <c r="AB41" s="141"/>
      <c r="AC41" s="141"/>
      <c r="AD41" s="141"/>
      <c r="AE41" s="141"/>
      <c r="AF41" s="141"/>
      <c r="AG41" s="141"/>
      <c r="AH41" s="141"/>
      <c r="AI41" s="141"/>
      <c r="AJ41" s="141"/>
      <c r="AK41" s="141"/>
      <c r="AL41" s="98"/>
    </row>
    <row r="42" spans="2:38" ht="25.5" customHeight="1" thickBot="1" x14ac:dyDescent="0.2">
      <c r="B42" s="107">
        <v>11</v>
      </c>
      <c r="C42" s="320" t="s">
        <v>114</v>
      </c>
      <c r="D42" s="321"/>
      <c r="E42" s="321"/>
      <c r="F42" s="321"/>
      <c r="G42" s="321"/>
      <c r="H42" s="322"/>
      <c r="I42" s="63" t="s">
        <v>20</v>
      </c>
      <c r="J42" s="54" t="s">
        <v>115</v>
      </c>
      <c r="K42" s="62"/>
      <c r="L42" s="64" t="s">
        <v>20</v>
      </c>
      <c r="M42" s="54" t="s">
        <v>116</v>
      </c>
      <c r="N42" s="108"/>
      <c r="O42" s="109"/>
      <c r="P42" s="323"/>
      <c r="Q42" s="323"/>
      <c r="R42" s="101" t="s">
        <v>4</v>
      </c>
      <c r="S42" s="323"/>
      <c r="T42" s="323"/>
      <c r="U42" s="101" t="s">
        <v>5</v>
      </c>
      <c r="V42" s="323"/>
      <c r="W42" s="323"/>
      <c r="X42" s="101" t="s">
        <v>6</v>
      </c>
      <c r="Y42" s="324"/>
      <c r="Z42" s="324"/>
      <c r="AA42" s="324"/>
      <c r="AB42" s="324"/>
      <c r="AC42" s="324"/>
      <c r="AD42" s="324"/>
      <c r="AE42" s="324"/>
      <c r="AF42" s="324"/>
      <c r="AG42" s="324"/>
      <c r="AH42" s="324"/>
      <c r="AI42" s="324"/>
      <c r="AJ42" s="324"/>
      <c r="AK42" s="324"/>
      <c r="AL42" s="98"/>
    </row>
    <row r="43" spans="2:38" ht="25.5" customHeight="1" x14ac:dyDescent="0.15">
      <c r="B43" s="237">
        <v>12</v>
      </c>
      <c r="C43" s="192" t="s">
        <v>117</v>
      </c>
      <c r="D43" s="193"/>
      <c r="E43" s="193"/>
      <c r="F43" s="193"/>
      <c r="G43" s="193"/>
      <c r="H43" s="194"/>
      <c r="I43" s="63" t="s">
        <v>20</v>
      </c>
      <c r="J43" s="54" t="s">
        <v>103</v>
      </c>
      <c r="K43" s="62"/>
      <c r="L43" s="64" t="s">
        <v>20</v>
      </c>
      <c r="M43" s="54" t="s">
        <v>104</v>
      </c>
      <c r="N43" s="16"/>
      <c r="O43" s="16"/>
      <c r="P43" s="16"/>
      <c r="Q43" s="65"/>
      <c r="R43" s="325" t="s">
        <v>105</v>
      </c>
      <c r="S43" s="326"/>
      <c r="T43" s="327"/>
      <c r="U43" s="328"/>
      <c r="V43" s="14" t="s">
        <v>4</v>
      </c>
      <c r="W43" s="19"/>
      <c r="X43" s="14" t="s">
        <v>5</v>
      </c>
      <c r="Y43" s="19"/>
      <c r="Z43" s="14" t="s">
        <v>6</v>
      </c>
      <c r="AA43" s="14" t="s">
        <v>50</v>
      </c>
      <c r="AB43" s="156"/>
      <c r="AC43" s="157"/>
      <c r="AD43" s="14" t="s">
        <v>4</v>
      </c>
      <c r="AE43" s="19"/>
      <c r="AF43" s="14" t="s">
        <v>5</v>
      </c>
      <c r="AG43" s="19"/>
      <c r="AH43" s="14" t="s">
        <v>6</v>
      </c>
      <c r="AI43" s="14"/>
      <c r="AJ43" s="118"/>
      <c r="AL43" s="98"/>
    </row>
    <row r="44" spans="2:38" ht="39.75" customHeight="1" thickBot="1" x14ac:dyDescent="0.2">
      <c r="B44" s="239"/>
      <c r="C44" s="243"/>
      <c r="D44" s="244"/>
      <c r="E44" s="244"/>
      <c r="F44" s="244"/>
      <c r="G44" s="244"/>
      <c r="H44" s="245"/>
      <c r="I44" s="297" t="s">
        <v>95</v>
      </c>
      <c r="J44" s="297"/>
      <c r="K44" s="297"/>
      <c r="L44" s="297"/>
      <c r="M44" s="298"/>
      <c r="N44" s="299"/>
      <c r="O44" s="136" t="s">
        <v>96</v>
      </c>
      <c r="P44" s="299"/>
      <c r="Q44" s="299"/>
      <c r="R44" s="136" t="s">
        <v>80</v>
      </c>
      <c r="S44" s="136" t="s">
        <v>50</v>
      </c>
      <c r="T44" s="299"/>
      <c r="U44" s="299"/>
      <c r="V44" s="136" t="s">
        <v>96</v>
      </c>
      <c r="W44" s="299"/>
      <c r="X44" s="299"/>
      <c r="Y44" s="136" t="s">
        <v>80</v>
      </c>
      <c r="Z44" s="137" t="s">
        <v>81</v>
      </c>
      <c r="AA44" s="139"/>
      <c r="AB44" s="137"/>
      <c r="AC44" s="332"/>
      <c r="AD44" s="332"/>
      <c r="AE44" s="137" t="s">
        <v>82</v>
      </c>
      <c r="AF44" s="137"/>
      <c r="AG44" s="137"/>
      <c r="AH44" s="137"/>
      <c r="AI44" s="137"/>
      <c r="AJ44" s="139"/>
      <c r="AK44" s="138"/>
    </row>
    <row r="45" spans="2:38" ht="51.75" customHeight="1" thickBot="1" x14ac:dyDescent="0.2">
      <c r="B45" s="110">
        <v>13</v>
      </c>
      <c r="C45" s="329" t="s">
        <v>118</v>
      </c>
      <c r="D45" s="330"/>
      <c r="E45" s="330"/>
      <c r="F45" s="330"/>
      <c r="G45" s="330"/>
      <c r="H45" s="330"/>
      <c r="I45" s="63" t="s">
        <v>20</v>
      </c>
      <c r="J45" s="54" t="s">
        <v>119</v>
      </c>
      <c r="K45" s="64" t="s">
        <v>20</v>
      </c>
      <c r="L45" s="54" t="s">
        <v>120</v>
      </c>
      <c r="M45" s="54"/>
      <c r="N45" s="64" t="s">
        <v>20</v>
      </c>
      <c r="O45" s="54" t="s">
        <v>121</v>
      </c>
      <c r="P45" s="54"/>
      <c r="R45" s="97"/>
      <c r="S45" s="97"/>
      <c r="T45" s="97"/>
      <c r="U45" s="97"/>
      <c r="V45" s="97"/>
      <c r="W45" s="111"/>
      <c r="X45" s="111"/>
      <c r="Y45" s="111"/>
      <c r="Z45" s="111"/>
      <c r="AA45" s="111"/>
      <c r="AB45" s="111"/>
      <c r="AC45" s="111"/>
      <c r="AD45" s="111"/>
      <c r="AE45" s="111"/>
      <c r="AF45" s="111"/>
      <c r="AG45" s="97"/>
      <c r="AH45" s="15"/>
      <c r="AI45" s="15"/>
      <c r="AJ45" s="15"/>
      <c r="AK45" s="113"/>
      <c r="AL45" s="98"/>
    </row>
    <row r="46" spans="2:38" s="1" customFormat="1" ht="51.75" customHeight="1" thickBot="1" x14ac:dyDescent="0.2">
      <c r="B46" s="85">
        <v>14</v>
      </c>
      <c r="C46" s="331" t="s">
        <v>123</v>
      </c>
      <c r="D46" s="331"/>
      <c r="E46" s="331"/>
      <c r="F46" s="331"/>
      <c r="G46" s="331"/>
      <c r="H46" s="331"/>
      <c r="I46" s="88" t="s">
        <v>20</v>
      </c>
      <c r="J46" s="89" t="s">
        <v>119</v>
      </c>
      <c r="K46" s="90" t="s">
        <v>20</v>
      </c>
      <c r="L46" s="89" t="s">
        <v>120</v>
      </c>
      <c r="M46" s="89"/>
      <c r="N46" s="90" t="s">
        <v>20</v>
      </c>
      <c r="O46" s="89" t="s">
        <v>121</v>
      </c>
      <c r="P46" s="64" t="s">
        <v>20</v>
      </c>
      <c r="Q46" s="54" t="s">
        <v>122</v>
      </c>
      <c r="R46" s="97"/>
      <c r="S46" s="97"/>
      <c r="T46" s="97"/>
      <c r="U46" s="97"/>
      <c r="V46" s="97"/>
      <c r="W46" s="111"/>
      <c r="X46" s="111"/>
      <c r="Y46" s="111"/>
      <c r="Z46" s="111"/>
      <c r="AA46" s="111"/>
      <c r="AB46" s="111"/>
      <c r="AC46" s="111"/>
      <c r="AD46" s="111"/>
      <c r="AE46" s="111"/>
      <c r="AF46" s="111"/>
      <c r="AG46" s="97"/>
      <c r="AH46" s="15"/>
      <c r="AI46" s="15"/>
      <c r="AJ46" s="15"/>
      <c r="AL46" s="99"/>
    </row>
    <row r="47" spans="2:38" ht="25.5" customHeight="1" thickBot="1" x14ac:dyDescent="0.2">
      <c r="B47" s="42">
        <v>15</v>
      </c>
      <c r="C47" s="333" t="s">
        <v>124</v>
      </c>
      <c r="D47" s="226"/>
      <c r="E47" s="226"/>
      <c r="F47" s="226"/>
      <c r="G47" s="226"/>
      <c r="H47" s="334"/>
      <c r="I47" s="88" t="s">
        <v>20</v>
      </c>
      <c r="J47" s="89" t="s">
        <v>125</v>
      </c>
      <c r="K47" s="90" t="s">
        <v>20</v>
      </c>
      <c r="L47" s="89" t="s">
        <v>126</v>
      </c>
      <c r="M47" s="89"/>
      <c r="N47" s="90" t="s">
        <v>20</v>
      </c>
      <c r="O47" s="89" t="s">
        <v>127</v>
      </c>
      <c r="P47" s="91"/>
      <c r="Q47" s="84"/>
      <c r="R47" s="84"/>
      <c r="S47" s="84"/>
      <c r="T47" s="84"/>
      <c r="U47" s="84"/>
      <c r="V47" s="84"/>
      <c r="W47" s="84"/>
      <c r="X47" s="84"/>
      <c r="Y47" s="84"/>
      <c r="Z47" s="84"/>
      <c r="AA47" s="84"/>
      <c r="AB47" s="84"/>
      <c r="AC47" s="84"/>
      <c r="AD47" s="84"/>
      <c r="AE47" s="84"/>
      <c r="AF47" s="84"/>
      <c r="AG47" s="84"/>
      <c r="AH47" s="84"/>
      <c r="AI47" s="84"/>
      <c r="AJ47" s="84"/>
      <c r="AK47" s="84"/>
      <c r="AL47" s="98"/>
    </row>
    <row r="48" spans="2:38" ht="25.5" customHeight="1" thickBot="1" x14ac:dyDescent="0.2">
      <c r="B48" s="94">
        <v>16</v>
      </c>
      <c r="C48" s="333" t="s">
        <v>128</v>
      </c>
      <c r="D48" s="226"/>
      <c r="E48" s="226"/>
      <c r="F48" s="226"/>
      <c r="G48" s="226"/>
      <c r="H48" s="334"/>
      <c r="I48" s="50" t="s">
        <v>20</v>
      </c>
      <c r="J48" s="86" t="s">
        <v>125</v>
      </c>
      <c r="K48" s="53" t="s">
        <v>20</v>
      </c>
      <c r="L48" s="86" t="s">
        <v>126</v>
      </c>
      <c r="M48" s="86"/>
      <c r="N48" s="53" t="s">
        <v>20</v>
      </c>
      <c r="O48" s="86" t="s">
        <v>127</v>
      </c>
      <c r="P48" s="87"/>
      <c r="Q48" s="84"/>
      <c r="R48" s="84"/>
      <c r="S48" s="84"/>
      <c r="T48" s="84"/>
      <c r="U48" s="84"/>
      <c r="V48" s="84"/>
      <c r="W48" s="84"/>
      <c r="X48" s="84"/>
      <c r="Y48" s="84"/>
      <c r="Z48" s="84"/>
      <c r="AA48" s="84"/>
      <c r="AB48" s="84"/>
      <c r="AC48" s="84"/>
      <c r="AD48" s="84"/>
      <c r="AE48" s="84"/>
      <c r="AF48" s="84"/>
      <c r="AG48" s="84"/>
      <c r="AH48" s="84"/>
      <c r="AI48" s="84"/>
      <c r="AJ48" s="84"/>
      <c r="AK48" s="84"/>
      <c r="AL48" s="98"/>
    </row>
    <row r="49" spans="2:38" ht="25.5" customHeight="1" thickBot="1" x14ac:dyDescent="0.2">
      <c r="B49" s="94">
        <v>17</v>
      </c>
      <c r="C49" s="330" t="s">
        <v>129</v>
      </c>
      <c r="D49" s="335"/>
      <c r="E49" s="335"/>
      <c r="F49" s="335"/>
      <c r="G49" s="335"/>
      <c r="H49" s="335"/>
      <c r="I49" s="336"/>
      <c r="J49" s="337"/>
      <c r="K49" s="92" t="s">
        <v>4</v>
      </c>
      <c r="L49" s="225"/>
      <c r="M49" s="225"/>
      <c r="N49" s="92" t="s">
        <v>5</v>
      </c>
      <c r="O49" s="225"/>
      <c r="P49" s="225"/>
      <c r="Q49" s="92" t="s">
        <v>6</v>
      </c>
      <c r="R49" s="95"/>
      <c r="S49" s="338" t="s">
        <v>106</v>
      </c>
      <c r="T49" s="338"/>
      <c r="U49" s="95"/>
      <c r="V49" s="337"/>
      <c r="W49" s="337"/>
      <c r="X49" s="92" t="s">
        <v>4</v>
      </c>
      <c r="Y49" s="225"/>
      <c r="Z49" s="225"/>
      <c r="AA49" s="92" t="s">
        <v>5</v>
      </c>
      <c r="AB49" s="225"/>
      <c r="AC49" s="225"/>
      <c r="AD49" s="92" t="s">
        <v>6</v>
      </c>
      <c r="AE49" s="338"/>
      <c r="AF49" s="338"/>
      <c r="AG49" s="338"/>
      <c r="AH49" s="96"/>
      <c r="AI49" s="96"/>
      <c r="AJ49" s="93"/>
      <c r="AK49" s="114"/>
    </row>
    <row r="50" spans="2:38" ht="25.5" customHeight="1" thickBot="1" x14ac:dyDescent="0.2">
      <c r="B50" s="94">
        <v>18</v>
      </c>
      <c r="C50" s="329" t="s">
        <v>130</v>
      </c>
      <c r="D50" s="330"/>
      <c r="E50" s="330"/>
      <c r="F50" s="330"/>
      <c r="G50" s="330"/>
      <c r="H50" s="330"/>
      <c r="I50" s="368"/>
      <c r="J50" s="369"/>
      <c r="K50" s="369"/>
      <c r="L50" s="369"/>
      <c r="M50" s="369"/>
      <c r="N50" s="369"/>
      <c r="O50" s="369"/>
      <c r="P50" s="369"/>
      <c r="Q50" s="369"/>
      <c r="R50" s="369"/>
      <c r="S50" s="369"/>
      <c r="T50" s="369"/>
      <c r="U50" s="369"/>
      <c r="V50" s="369"/>
      <c r="W50" s="369"/>
      <c r="X50" s="369"/>
      <c r="Y50" s="369"/>
      <c r="Z50" s="369"/>
      <c r="AA50" s="369"/>
      <c r="AB50" s="369"/>
      <c r="AC50" s="369"/>
      <c r="AD50" s="369"/>
      <c r="AE50" s="369"/>
      <c r="AF50" s="369"/>
      <c r="AG50" s="369"/>
      <c r="AH50" s="369"/>
      <c r="AI50" s="369"/>
      <c r="AJ50" s="369"/>
      <c r="AK50" s="369"/>
      <c r="AL50" s="98"/>
    </row>
    <row r="51" spans="2:38" ht="25.5" customHeight="1" x14ac:dyDescent="0.15">
      <c r="B51" s="330">
        <v>19</v>
      </c>
      <c r="C51" s="329" t="s">
        <v>131</v>
      </c>
      <c r="D51" s="330"/>
      <c r="E51" s="330"/>
      <c r="F51" s="330"/>
      <c r="G51" s="330"/>
      <c r="H51" s="330"/>
      <c r="I51" s="345" t="s">
        <v>132</v>
      </c>
      <c r="J51" s="346"/>
      <c r="K51" s="346"/>
      <c r="L51" s="346"/>
      <c r="M51" s="346"/>
      <c r="N51" s="347"/>
      <c r="O51" s="185" t="s">
        <v>133</v>
      </c>
      <c r="P51" s="343"/>
      <c r="Q51" s="343"/>
      <c r="R51" s="343"/>
      <c r="S51" s="343"/>
      <c r="T51" s="343"/>
      <c r="U51" s="343"/>
      <c r="V51" s="343"/>
      <c r="W51" s="370" t="s">
        <v>134</v>
      </c>
      <c r="X51" s="343"/>
      <c r="Y51" s="343"/>
      <c r="Z51" s="343"/>
      <c r="AA51" s="343"/>
      <c r="AB51" s="343"/>
      <c r="AC51" s="339" t="s">
        <v>20</v>
      </c>
      <c r="AD51" s="364" t="s">
        <v>135</v>
      </c>
      <c r="AE51" s="364"/>
      <c r="AF51" s="366" t="s">
        <v>20</v>
      </c>
      <c r="AG51" s="366" t="s">
        <v>136</v>
      </c>
      <c r="AH51" s="364"/>
      <c r="AI51" s="364"/>
      <c r="AJ51" s="364"/>
      <c r="AK51" s="364"/>
      <c r="AL51" s="98"/>
    </row>
    <row r="52" spans="2:38" ht="25.5" customHeight="1" x14ac:dyDescent="0.15">
      <c r="B52" s="367"/>
      <c r="C52" s="367"/>
      <c r="D52" s="367"/>
      <c r="E52" s="367"/>
      <c r="F52" s="367"/>
      <c r="G52" s="367"/>
      <c r="H52" s="367"/>
      <c r="I52" s="351"/>
      <c r="J52" s="353"/>
      <c r="K52" s="353"/>
      <c r="L52" s="353"/>
      <c r="M52" s="353"/>
      <c r="N52" s="354"/>
      <c r="O52" s="341"/>
      <c r="P52" s="342"/>
      <c r="Q52" s="104" t="s">
        <v>4</v>
      </c>
      <c r="R52" s="105"/>
      <c r="S52" s="104" t="s">
        <v>5</v>
      </c>
      <c r="T52" s="349"/>
      <c r="U52" s="350"/>
      <c r="V52" s="106" t="s">
        <v>6</v>
      </c>
      <c r="W52" s="352"/>
      <c r="X52" s="371"/>
      <c r="Y52" s="371"/>
      <c r="Z52" s="371"/>
      <c r="AA52" s="371"/>
      <c r="AB52" s="371"/>
      <c r="AC52" s="340"/>
      <c r="AD52" s="365"/>
      <c r="AE52" s="365"/>
      <c r="AF52" s="365"/>
      <c r="AG52" s="365"/>
      <c r="AH52" s="365"/>
      <c r="AI52" s="365"/>
      <c r="AJ52" s="365"/>
      <c r="AK52" s="365"/>
      <c r="AL52" s="100"/>
    </row>
    <row r="53" spans="2:38" ht="25.5" customHeight="1" thickBot="1" x14ac:dyDescent="0.2">
      <c r="B53" s="367"/>
      <c r="C53" s="367"/>
      <c r="D53" s="367"/>
      <c r="E53" s="367"/>
      <c r="F53" s="367"/>
      <c r="G53" s="367"/>
      <c r="H53" s="367"/>
      <c r="I53" s="184" t="s">
        <v>137</v>
      </c>
      <c r="J53" s="355"/>
      <c r="K53" s="355"/>
      <c r="L53" s="355"/>
      <c r="M53" s="355"/>
      <c r="N53" s="355"/>
      <c r="O53" s="184" t="s">
        <v>133</v>
      </c>
      <c r="P53" s="344"/>
      <c r="Q53" s="344"/>
      <c r="R53" s="344"/>
      <c r="S53" s="344"/>
      <c r="T53" s="344"/>
      <c r="U53" s="344"/>
      <c r="V53" s="344"/>
      <c r="W53" s="355" t="s">
        <v>134</v>
      </c>
      <c r="X53" s="344"/>
      <c r="Y53" s="344"/>
      <c r="Z53" s="344"/>
      <c r="AA53" s="344"/>
      <c r="AB53" s="344"/>
      <c r="AC53" s="339" t="s">
        <v>20</v>
      </c>
      <c r="AD53" s="364" t="s">
        <v>135</v>
      </c>
      <c r="AE53" s="364"/>
      <c r="AF53" s="366" t="s">
        <v>20</v>
      </c>
      <c r="AG53" s="366" t="s">
        <v>136</v>
      </c>
      <c r="AH53" s="364"/>
      <c r="AI53" s="364"/>
      <c r="AJ53" s="364"/>
      <c r="AK53" s="364"/>
      <c r="AL53" s="98"/>
    </row>
    <row r="54" spans="2:38" ht="25.5" customHeight="1" thickBot="1" x14ac:dyDescent="0.2">
      <c r="B54" s="367"/>
      <c r="C54" s="367"/>
      <c r="D54" s="367"/>
      <c r="E54" s="367"/>
      <c r="F54" s="367"/>
      <c r="G54" s="367"/>
      <c r="H54" s="367"/>
      <c r="I54" s="351"/>
      <c r="J54" s="352"/>
      <c r="K54" s="352"/>
      <c r="L54" s="352"/>
      <c r="M54" s="352"/>
      <c r="N54" s="352"/>
      <c r="O54" s="341"/>
      <c r="P54" s="342"/>
      <c r="Q54" s="104" t="s">
        <v>4</v>
      </c>
      <c r="R54" s="105"/>
      <c r="S54" s="104" t="s">
        <v>5</v>
      </c>
      <c r="T54" s="349"/>
      <c r="U54" s="350"/>
      <c r="V54" s="106" t="s">
        <v>6</v>
      </c>
      <c r="W54" s="352"/>
      <c r="X54" s="371"/>
      <c r="Y54" s="371"/>
      <c r="Z54" s="371"/>
      <c r="AA54" s="371"/>
      <c r="AB54" s="371"/>
      <c r="AC54" s="340"/>
      <c r="AD54" s="365"/>
      <c r="AE54" s="365"/>
      <c r="AF54" s="365"/>
      <c r="AG54" s="365"/>
      <c r="AH54" s="365"/>
      <c r="AI54" s="365"/>
      <c r="AJ54" s="365"/>
      <c r="AK54" s="365"/>
      <c r="AL54" s="98"/>
    </row>
    <row r="55" spans="2:38" ht="25.5" customHeight="1" thickBot="1" x14ac:dyDescent="0.2">
      <c r="B55" s="367"/>
      <c r="C55" s="367"/>
      <c r="D55" s="367"/>
      <c r="E55" s="367"/>
      <c r="F55" s="367"/>
      <c r="G55" s="367"/>
      <c r="H55" s="367"/>
      <c r="I55" s="184" t="s">
        <v>137</v>
      </c>
      <c r="J55" s="355"/>
      <c r="K55" s="355"/>
      <c r="L55" s="355"/>
      <c r="M55" s="355"/>
      <c r="N55" s="355"/>
      <c r="O55" s="184" t="s">
        <v>133</v>
      </c>
      <c r="P55" s="344"/>
      <c r="Q55" s="344"/>
      <c r="R55" s="344"/>
      <c r="S55" s="344"/>
      <c r="T55" s="344"/>
      <c r="U55" s="344"/>
      <c r="V55" s="344"/>
      <c r="W55" s="355" t="s">
        <v>134</v>
      </c>
      <c r="X55" s="344"/>
      <c r="Y55" s="344"/>
      <c r="Z55" s="344"/>
      <c r="AA55" s="344"/>
      <c r="AB55" s="344"/>
      <c r="AC55" s="339" t="s">
        <v>20</v>
      </c>
      <c r="AD55" s="364" t="s">
        <v>135</v>
      </c>
      <c r="AE55" s="364"/>
      <c r="AF55" s="366" t="s">
        <v>20</v>
      </c>
      <c r="AG55" s="366" t="s">
        <v>136</v>
      </c>
      <c r="AH55" s="364"/>
      <c r="AI55" s="364"/>
      <c r="AJ55" s="364"/>
      <c r="AK55" s="364"/>
      <c r="AL55" s="98"/>
    </row>
    <row r="56" spans="2:38" ht="25.5" customHeight="1" thickBot="1" x14ac:dyDescent="0.2">
      <c r="B56" s="367"/>
      <c r="C56" s="367"/>
      <c r="D56" s="367"/>
      <c r="E56" s="367"/>
      <c r="F56" s="367"/>
      <c r="G56" s="367"/>
      <c r="H56" s="367"/>
      <c r="I56" s="351"/>
      <c r="J56" s="352"/>
      <c r="K56" s="352"/>
      <c r="L56" s="352"/>
      <c r="M56" s="352"/>
      <c r="N56" s="352"/>
      <c r="O56" s="341"/>
      <c r="P56" s="342"/>
      <c r="Q56" s="104" t="s">
        <v>4</v>
      </c>
      <c r="R56" s="105"/>
      <c r="S56" s="104" t="s">
        <v>5</v>
      </c>
      <c r="T56" s="349"/>
      <c r="U56" s="350"/>
      <c r="V56" s="106" t="s">
        <v>6</v>
      </c>
      <c r="W56" s="352"/>
      <c r="X56" s="371"/>
      <c r="Y56" s="371"/>
      <c r="Z56" s="371"/>
      <c r="AA56" s="371"/>
      <c r="AB56" s="371"/>
      <c r="AC56" s="340"/>
      <c r="AD56" s="365"/>
      <c r="AE56" s="365"/>
      <c r="AF56" s="365"/>
      <c r="AG56" s="365"/>
      <c r="AH56" s="365"/>
      <c r="AI56" s="365"/>
      <c r="AJ56" s="365"/>
      <c r="AK56" s="365"/>
      <c r="AL56" s="98"/>
    </row>
    <row r="57" spans="2:38" ht="25.5" customHeight="1" x14ac:dyDescent="0.15">
      <c r="B57" s="10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row>
    <row r="58" spans="2:38" ht="25.5" customHeight="1" x14ac:dyDescent="0.15">
      <c r="B58" s="103"/>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row>
    <row r="59" spans="2:38" x14ac:dyDescent="0.15">
      <c r="B59" s="348"/>
      <c r="C59" s="348"/>
      <c r="D59" s="348"/>
      <c r="E59" s="348"/>
      <c r="F59" s="348"/>
      <c r="G59" s="348"/>
      <c r="H59" s="348"/>
      <c r="I59" s="348"/>
      <c r="J59" s="348"/>
      <c r="K59" s="348"/>
      <c r="L59" s="348"/>
      <c r="M59" s="348"/>
      <c r="N59" s="348"/>
      <c r="O59" s="348"/>
      <c r="P59" s="348"/>
      <c r="Q59" s="348"/>
      <c r="R59" s="348"/>
      <c r="S59" s="348"/>
      <c r="T59" s="348"/>
      <c r="U59" s="348"/>
      <c r="V59" s="348"/>
      <c r="W59" s="348"/>
      <c r="X59" s="348"/>
      <c r="Y59" s="348"/>
      <c r="Z59" s="348"/>
      <c r="AA59" s="348"/>
      <c r="AB59" s="348"/>
      <c r="AC59" s="348"/>
      <c r="AD59" s="348"/>
      <c r="AE59" s="348"/>
      <c r="AF59" s="348"/>
      <c r="AG59" s="348"/>
      <c r="AH59" s="348"/>
      <c r="AI59" s="348"/>
      <c r="AJ59" s="348"/>
      <c r="AK59" s="348"/>
    </row>
  </sheetData>
  <mergeCells count="236">
    <mergeCell ref="AJ25:AK26"/>
    <mergeCell ref="AJ35:AK35"/>
    <mergeCell ref="AG37:AK37"/>
    <mergeCell ref="AI34:AK34"/>
    <mergeCell ref="AD55:AE56"/>
    <mergeCell ref="AF55:AF56"/>
    <mergeCell ref="AG55:AK56"/>
    <mergeCell ref="B51:B56"/>
    <mergeCell ref="C51:H56"/>
    <mergeCell ref="I50:AK50"/>
    <mergeCell ref="AD51:AE52"/>
    <mergeCell ref="AC51:AC52"/>
    <mergeCell ref="AF51:AF52"/>
    <mergeCell ref="AG51:AK52"/>
    <mergeCell ref="AC53:AC54"/>
    <mergeCell ref="AD53:AE54"/>
    <mergeCell ref="AF53:AF54"/>
    <mergeCell ref="W51:AB51"/>
    <mergeCell ref="W52:AB52"/>
    <mergeCell ref="W53:AB53"/>
    <mergeCell ref="W54:AB54"/>
    <mergeCell ref="W55:AB55"/>
    <mergeCell ref="W56:AB56"/>
    <mergeCell ref="AG53:AK54"/>
    <mergeCell ref="AC55:AC56"/>
    <mergeCell ref="O56:P56"/>
    <mergeCell ref="O51:V51"/>
    <mergeCell ref="O53:V53"/>
    <mergeCell ref="AE49:AG49"/>
    <mergeCell ref="C50:H50"/>
    <mergeCell ref="I51:N51"/>
    <mergeCell ref="B59:AK59"/>
    <mergeCell ref="C48:H48"/>
    <mergeCell ref="T56:U56"/>
    <mergeCell ref="I56:N56"/>
    <mergeCell ref="O55:V55"/>
    <mergeCell ref="T54:U54"/>
    <mergeCell ref="O54:P54"/>
    <mergeCell ref="O52:P52"/>
    <mergeCell ref="T52:U52"/>
    <mergeCell ref="I52:N52"/>
    <mergeCell ref="I53:N53"/>
    <mergeCell ref="I54:N54"/>
    <mergeCell ref="I55:N55"/>
    <mergeCell ref="C45:H45"/>
    <mergeCell ref="C46:H46"/>
    <mergeCell ref="AB49:AC49"/>
    <mergeCell ref="I44:L44"/>
    <mergeCell ref="M44:N44"/>
    <mergeCell ref="P44:Q44"/>
    <mergeCell ref="T44:U44"/>
    <mergeCell ref="W44:X44"/>
    <mergeCell ref="AC44:AD44"/>
    <mergeCell ref="C47:H47"/>
    <mergeCell ref="C49:H49"/>
    <mergeCell ref="I49:J49"/>
    <mergeCell ref="L49:M49"/>
    <mergeCell ref="O49:P49"/>
    <mergeCell ref="S49:T49"/>
    <mergeCell ref="V49:W49"/>
    <mergeCell ref="Y49:Z49"/>
    <mergeCell ref="C42:H42"/>
    <mergeCell ref="P42:Q42"/>
    <mergeCell ref="S42:T42"/>
    <mergeCell ref="V42:W42"/>
    <mergeCell ref="Y42:AK42"/>
    <mergeCell ref="B43:B44"/>
    <mergeCell ref="C43:H44"/>
    <mergeCell ref="R43:S43"/>
    <mergeCell ref="T43:U43"/>
    <mergeCell ref="B34:B35"/>
    <mergeCell ref="C34:H35"/>
    <mergeCell ref="B40:B41"/>
    <mergeCell ref="C40:H41"/>
    <mergeCell ref="R40:S40"/>
    <mergeCell ref="I41:J41"/>
    <mergeCell ref="K41:L41"/>
    <mergeCell ref="S41:T41"/>
    <mergeCell ref="AD37:AE37"/>
    <mergeCell ref="B38:B39"/>
    <mergeCell ref="C38:H39"/>
    <mergeCell ref="I39:J39"/>
    <mergeCell ref="K39:L39"/>
    <mergeCell ref="S39:T39"/>
    <mergeCell ref="B36:B37"/>
    <mergeCell ref="C36:H37"/>
    <mergeCell ref="I37:J37"/>
    <mergeCell ref="K37:L37"/>
    <mergeCell ref="N37:O37"/>
    <mergeCell ref="Q37:R37"/>
    <mergeCell ref="U37:V37"/>
    <mergeCell ref="X37:Y37"/>
    <mergeCell ref="AA37:AB37"/>
    <mergeCell ref="T34:U34"/>
    <mergeCell ref="W34:X34"/>
    <mergeCell ref="AA34:AB34"/>
    <mergeCell ref="AC34:AD34"/>
    <mergeCell ref="AC33:AD33"/>
    <mergeCell ref="AF34:AG34"/>
    <mergeCell ref="I35:J35"/>
    <mergeCell ref="K35:L35"/>
    <mergeCell ref="M35:N35"/>
    <mergeCell ref="O35:Q35"/>
    <mergeCell ref="R35:S35"/>
    <mergeCell ref="I34:J34"/>
    <mergeCell ref="K34:L34"/>
    <mergeCell ref="N34:O34"/>
    <mergeCell ref="R34:S34"/>
    <mergeCell ref="AG35:AI35"/>
    <mergeCell ref="T35:U35"/>
    <mergeCell ref="V35:W35"/>
    <mergeCell ref="X35:Z35"/>
    <mergeCell ref="AA35:AB35"/>
    <mergeCell ref="AC35:AD35"/>
    <mergeCell ref="AE35:AF35"/>
    <mergeCell ref="W29:X29"/>
    <mergeCell ref="AC29:AD29"/>
    <mergeCell ref="AF31:AI31"/>
    <mergeCell ref="I32:L32"/>
    <mergeCell ref="S32:T32"/>
    <mergeCell ref="U32:V32"/>
    <mergeCell ref="W32:AK32"/>
    <mergeCell ref="I33:L33"/>
    <mergeCell ref="M33:N33"/>
    <mergeCell ref="P33:Q33"/>
    <mergeCell ref="T33:U33"/>
    <mergeCell ref="W33:X33"/>
    <mergeCell ref="K28:L28"/>
    <mergeCell ref="N28:O28"/>
    <mergeCell ref="T28:U28"/>
    <mergeCell ref="W28:X28"/>
    <mergeCell ref="AC28:AD28"/>
    <mergeCell ref="AF28:AI28"/>
    <mergeCell ref="C31:H33"/>
    <mergeCell ref="I31:L31"/>
    <mergeCell ref="S31:T31"/>
    <mergeCell ref="U31:V31"/>
    <mergeCell ref="W31:X31"/>
    <mergeCell ref="AC31:AD31"/>
    <mergeCell ref="AF29:AI29"/>
    <mergeCell ref="I30:J30"/>
    <mergeCell ref="K30:L30"/>
    <mergeCell ref="N30:O30"/>
    <mergeCell ref="T30:U30"/>
    <mergeCell ref="W30:X30"/>
    <mergeCell ref="AC30:AD30"/>
    <mergeCell ref="AF30:AI30"/>
    <mergeCell ref="I29:J29"/>
    <mergeCell ref="K29:L29"/>
    <mergeCell ref="N29:O29"/>
    <mergeCell ref="T29:U29"/>
    <mergeCell ref="AD25:AF26"/>
    <mergeCell ref="AG25:AH26"/>
    <mergeCell ref="AI25:AI26"/>
    <mergeCell ref="M22:AK22"/>
    <mergeCell ref="B23:B24"/>
    <mergeCell ref="C23:H24"/>
    <mergeCell ref="B25:B33"/>
    <mergeCell ref="C25:H30"/>
    <mergeCell ref="P25:R25"/>
    <mergeCell ref="S25:T26"/>
    <mergeCell ref="U25:V26"/>
    <mergeCell ref="W25:X26"/>
    <mergeCell ref="P26:R26"/>
    <mergeCell ref="I27:N27"/>
    <mergeCell ref="O27:P27"/>
    <mergeCell ref="Q27:S27"/>
    <mergeCell ref="U27:Z27"/>
    <mergeCell ref="AA27:AB27"/>
    <mergeCell ref="Y25:Z26"/>
    <mergeCell ref="AA25:AB26"/>
    <mergeCell ref="AC25:AC26"/>
    <mergeCell ref="AC27:AE27"/>
    <mergeCell ref="AG27:AI27"/>
    <mergeCell ref="I28:J28"/>
    <mergeCell ref="C20:H20"/>
    <mergeCell ref="M20:S20"/>
    <mergeCell ref="T20:U20"/>
    <mergeCell ref="B21:B22"/>
    <mergeCell ref="C21:H22"/>
    <mergeCell ref="I21:L21"/>
    <mergeCell ref="M21:AK21"/>
    <mergeCell ref="I22:L22"/>
    <mergeCell ref="B18:B19"/>
    <mergeCell ref="C18:H18"/>
    <mergeCell ref="I18:Z18"/>
    <mergeCell ref="C19:H19"/>
    <mergeCell ref="I19:Z19"/>
    <mergeCell ref="AA19:AC19"/>
    <mergeCell ref="AD19:AF19"/>
    <mergeCell ref="AB20:AC20"/>
    <mergeCell ref="C13:H13"/>
    <mergeCell ref="I13:AK13"/>
    <mergeCell ref="B14:B17"/>
    <mergeCell ref="C14:H17"/>
    <mergeCell ref="Z17:AH17"/>
    <mergeCell ref="B9:E9"/>
    <mergeCell ref="F9:G9"/>
    <mergeCell ref="I9:K9"/>
    <mergeCell ref="M9:O9"/>
    <mergeCell ref="V9:Y9"/>
    <mergeCell ref="Z9:AB9"/>
    <mergeCell ref="AD9:AG9"/>
    <mergeCell ref="B7:D7"/>
    <mergeCell ref="E7:F7"/>
    <mergeCell ref="G7:H7"/>
    <mergeCell ref="J7:K7"/>
    <mergeCell ref="M7:N7"/>
    <mergeCell ref="Z7:AB7"/>
    <mergeCell ref="AD7:AG7"/>
    <mergeCell ref="AI9:AK9"/>
    <mergeCell ref="V10:AK10"/>
    <mergeCell ref="AD24:AJ24"/>
    <mergeCell ref="AD40:AJ40"/>
    <mergeCell ref="AB43:AC43"/>
    <mergeCell ref="B1:AJ1"/>
    <mergeCell ref="B2:I2"/>
    <mergeCell ref="K2:AK2"/>
    <mergeCell ref="B3:U5"/>
    <mergeCell ref="Y3:Z3"/>
    <mergeCell ref="AF3:AG3"/>
    <mergeCell ref="AI3:AJ3"/>
    <mergeCell ref="V4:Y4"/>
    <mergeCell ref="Z4:AK4"/>
    <mergeCell ref="AA3:AD3"/>
    <mergeCell ref="V7:X7"/>
    <mergeCell ref="AI7:AK7"/>
    <mergeCell ref="B8:E8"/>
    <mergeCell ref="F8:O8"/>
    <mergeCell ref="V8:Y8"/>
    <mergeCell ref="Z8:AK8"/>
    <mergeCell ref="V5:Y5"/>
    <mergeCell ref="Z5:AK5"/>
    <mergeCell ref="B6:O6"/>
    <mergeCell ref="V6:Y6"/>
    <mergeCell ref="Z6:AK6"/>
  </mergeCells>
  <phoneticPr fontId="2"/>
  <dataValidations count="4">
    <dataValidation operator="greaterThanOrEqual" allowBlank="1" showInputMessage="1" showErrorMessage="1" sqref="Z7:AA7"/>
    <dataValidation imeMode="halfAlpha" allowBlank="1" showInputMessage="1" showErrorMessage="1" sqref="R32 O32"/>
    <dataValidation type="list" allowBlank="1" showInputMessage="1" showErrorMessage="1" sqref="AA43 AA33:AB33">
      <formula1>"01,02,03,04,05,06,07,08,09,10,11,12,13,14,15,16,17,18,19,20,21,22,23,24,25,26,27,28,29,30,31"</formula1>
    </dataValidation>
    <dataValidation type="custom" operator="lessThanOrEqual" allowBlank="1" showInputMessage="1" showErrorMessage="1" sqref="M35:N35 V35:W35 AE35:AF35 AC28:AD31 AC33:AD33">
      <formula1>744</formula1>
    </dataValidation>
  </dataValidations>
  <hyperlinks>
    <hyperlink ref="C14:H17" location="記入要綱!A1" display="業種"/>
  </hyperlinks>
  <pageMargins left="0.62992125984251968" right="0.23622047244094491" top="0.35433070866141736" bottom="0" header="0" footer="0"/>
  <pageSetup paperSize="9" scale="55" orientation="portrait" r:id="rId1"/>
  <rowBreaks count="1" manualBreakCount="1">
    <brk id="56" min="1" max="36" man="1"/>
  </rowBreaks>
  <extLst>
    <ext xmlns:x14="http://schemas.microsoft.com/office/spreadsheetml/2009/9/main" uri="{CCE6A557-97BC-4b89-ADB6-D9C93CAAB3DF}">
      <x14:dataValidations xmlns:xm="http://schemas.microsoft.com/office/excel/2006/main" count="15">
        <x14:dataValidation type="list" allowBlank="1" showInputMessage="1" showErrorMessage="1">
          <x14:formula1>
            <xm:f>プルダウンリスト!$M$2:$M$3</xm:f>
          </x14:formula1>
          <xm:sqref>I14:I17 M14:M15 Q14:Q16 W14:W17 Z14 AE14:AE15 AF16 S17 N17 I20 K20 I26:R26 I23:I24 L23:L24 Q23:Q24 T23 W23:W24 AG23 U24 AA24 M31:M32 P31:P32 O38 I38 L40 O40 I40 L38 L36 I36 L42:L43 I42:I43 T40 X40 AA40 I45:I48 K45:K48 N45:N48 AB23 AF51 AC51 AF53 AC53 AF55 AC55 P46</xm:sqref>
        </x14:dataValidation>
        <x14:dataValidation type="list" allowBlank="1" showInputMessage="1" showErrorMessage="1">
          <x14:formula1>
            <xm:f>プルダウンリスト!$I$2:$I$31</xm:f>
          </x14:formula1>
          <xm:sqref>T33:U33 T44:U44</xm:sqref>
        </x14:dataValidation>
        <x14:dataValidation type="list" allowBlank="1" showInputMessage="1" showErrorMessage="1">
          <x14:formula1>
            <xm:f>プルダウンリスト!$E$2:$E$108</xm:f>
          </x14:formula1>
          <xm:sqref>AD19:AF19</xm:sqref>
        </x14:dataValidation>
        <x14:dataValidation type="list" allowBlank="1" showInputMessage="1" showErrorMessage="1">
          <x14:formula1>
            <xm:f>プルダウンリスト!$F$3:$F$5</xm:f>
          </x14:formula1>
          <xm:sqref>AA3:AD3</xm:sqref>
        </x14:dataValidation>
        <x14:dataValidation type="list" allowBlank="1" showInputMessage="1" showErrorMessage="1">
          <x14:formula1>
            <xm:f>プルダウンリスト!$F$2:$F$54</xm:f>
          </x14:formula1>
          <xm:sqref>K37:L37 X37:Y37 V49:W49 K39:L39 P42:Q42 T43:U43 S39:T39 K41:L41 S41:T41 I49:J49 AB43</xm:sqref>
        </x14:dataValidation>
        <x14:dataValidation type="list" allowBlank="1" showInputMessage="1" showErrorMessage="1">
          <x14:formula1>
            <xm:f>プルダウンリスト!$E$2:$E$102</xm:f>
          </x14:formula1>
          <xm:sqref>AC34:AD34 T34:U34 K34:L34</xm:sqref>
        </x14:dataValidation>
        <x14:dataValidation type="list" allowBlank="1" showInputMessage="1" showErrorMessage="1">
          <x14:formula1>
            <xm:f>プルダウンリスト!$F$2:$F$42</xm:f>
          </x14:formula1>
          <xm:sqref>T20:U20</xm:sqref>
        </x14:dataValidation>
        <x14:dataValidation type="list" allowBlank="1" showInputMessage="1" showErrorMessage="1">
          <x14:formula1>
            <xm:f>プルダウンリスト!$I$2:$I$25</xm:f>
          </x14:formula1>
          <xm:sqref>T28:U30 M33:N33 K28:L30 M44:N44</xm:sqref>
        </x14:dataValidation>
        <x14:dataValidation type="list" imeMode="halfAlpha" allowBlank="1" showInputMessage="1" showErrorMessage="1">
          <x14:formula1>
            <xm:f>プルダウンリスト!$H$2:$H$32</xm:f>
          </x14:formula1>
          <xm:sqref>S32:T32</xm:sqref>
        </x14:dataValidation>
        <x14:dataValidation type="list" allowBlank="1" showInputMessage="1" showErrorMessage="1">
          <x14:formula1>
            <xm:f>プルダウンリスト!$H$2:$H$8</xm:f>
          </x14:formula1>
          <xm:sqref>AC27:AE27</xm:sqref>
        </x14:dataValidation>
        <x14:dataValidation type="list" allowBlank="1" showInputMessage="1" showErrorMessage="1">
          <x14:formula1>
            <xm:f>プルダウンリスト!$K$2:$K$61</xm:f>
          </x14:formula1>
          <xm:sqref>N28:O30 P44:Q44 W44:X44 W33:X33 W28:X31 P33:Q33 AA25</xm:sqref>
        </x14:dataValidation>
        <x14:dataValidation type="list" allowBlank="1" showInputMessage="1" showErrorMessage="1">
          <x14:formula1>
            <xm:f>プルダウンリスト!$C$2:$C$31</xm:f>
          </x14:formula1>
          <xm:sqref>O44 AB20:AC20</xm:sqref>
        </x14:dataValidation>
        <x14:dataValidation type="list" allowBlank="1" showInputMessage="1" showErrorMessage="1">
          <x14:formula1>
            <xm:f>プルダウンリスト!$G$2:$G$13</xm:f>
          </x14:formula1>
          <xm:sqref>AA37:AB37 W20 AE20 N37:O37 V41 Y49:Z49 W34:X34 AF34:AG34 AF3:AG3 AE43 R33:S33 N34:O34 S42:T42 N39 R44:S44 W43 V39 N41 R56 L49:M49 R52 R54 AH19</xm:sqref>
        </x14:dataValidation>
        <x14:dataValidation type="list" allowBlank="1" showInputMessage="1" showErrorMessage="1">
          <x14:formula1>
            <xm:f>プルダウンリスト!$H$2:$H$32</xm:f>
          </x14:formula1>
          <xm:sqref>Y20 Q37:R37 V42:W42 AJ19 P41 Y43 X39 AI3:AJ3 AG20 AD37:AE37 Q27:S27 R35 I35 V44 AA35 AG43 P39 X41 O49:P49 AB49:AC49 T52:U52 T54:U54 T56:U56</xm:sqref>
        </x14:dataValidation>
        <x14:dataValidation type="list" allowBlank="1" showInputMessage="1" showErrorMessage="1">
          <x14:formula1>
            <xm:f>プルダウンリスト!$D$2:$D$20</xm:f>
          </x14:formula1>
          <xm:sqref>O56:P56 O52:P52 O54:P5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M123"/>
  <sheetViews>
    <sheetView view="pageBreakPreview" zoomScaleNormal="100" zoomScaleSheetLayoutView="100" workbookViewId="0">
      <selection activeCell="D20" sqref="D20"/>
    </sheetView>
  </sheetViews>
  <sheetFormatPr defaultRowHeight="13.5" x14ac:dyDescent="0.15"/>
  <cols>
    <col min="1" max="1" width="21.5" customWidth="1"/>
    <col min="2" max="2" width="30.125" customWidth="1"/>
    <col min="3" max="3" width="8.5" customWidth="1"/>
    <col min="4" max="4" width="9.25" bestFit="1" customWidth="1"/>
    <col min="5" max="5" width="10.25" bestFit="1" customWidth="1"/>
    <col min="6" max="6" width="10.25" customWidth="1"/>
    <col min="13" max="13" width="15.75" bestFit="1" customWidth="1"/>
  </cols>
  <sheetData>
    <row r="1" spans="1:13" x14ac:dyDescent="0.15">
      <c r="A1" t="s">
        <v>138</v>
      </c>
      <c r="B1" t="s">
        <v>139</v>
      </c>
      <c r="C1" t="s">
        <v>4</v>
      </c>
      <c r="D1" s="1" t="s">
        <v>133</v>
      </c>
      <c r="E1" t="s">
        <v>140</v>
      </c>
      <c r="F1" t="s">
        <v>141</v>
      </c>
      <c r="G1" t="s">
        <v>142</v>
      </c>
      <c r="H1" t="s">
        <v>143</v>
      </c>
      <c r="I1" t="s">
        <v>87</v>
      </c>
      <c r="J1" t="s">
        <v>80</v>
      </c>
      <c r="K1" t="s">
        <v>80</v>
      </c>
      <c r="L1" t="s">
        <v>144</v>
      </c>
      <c r="M1" s="144" t="s">
        <v>145</v>
      </c>
    </row>
    <row r="2" spans="1:13" ht="18.75" customHeight="1" x14ac:dyDescent="0.15">
      <c r="A2" s="1"/>
      <c r="B2" s="79"/>
      <c r="C2" s="145">
        <f ca="1">YEAR(TODAY())</f>
        <v>2024</v>
      </c>
      <c r="D2" s="145">
        <f ca="1">YEAR(TODAY())</f>
        <v>2024</v>
      </c>
      <c r="E2" s="145">
        <f ca="1">YEAR(TODAY())</f>
        <v>2024</v>
      </c>
      <c r="F2" s="145">
        <f ca="1">F3+1</f>
        <v>2026</v>
      </c>
      <c r="G2" s="146">
        <v>1</v>
      </c>
      <c r="H2" s="146">
        <v>1</v>
      </c>
      <c r="I2" s="146">
        <v>0</v>
      </c>
      <c r="J2" s="147">
        <v>1</v>
      </c>
      <c r="K2" s="147">
        <v>0</v>
      </c>
      <c r="L2" s="80">
        <v>15</v>
      </c>
      <c r="M2" s="144" t="s">
        <v>102</v>
      </c>
    </row>
    <row r="3" spans="1:13" ht="18.75" customHeight="1" x14ac:dyDescent="0.15">
      <c r="A3" s="1"/>
      <c r="B3" s="79"/>
      <c r="C3" s="145">
        <f ca="1">C2+1</f>
        <v>2025</v>
      </c>
      <c r="D3" s="145">
        <f ca="1">D2-1</f>
        <v>2023</v>
      </c>
      <c r="E3" s="145">
        <f ca="1">E2-1</f>
        <v>2023</v>
      </c>
      <c r="F3" s="145">
        <f ca="1">F4+1</f>
        <v>2025</v>
      </c>
      <c r="G3" s="146">
        <v>2</v>
      </c>
      <c r="H3" s="146">
        <v>2</v>
      </c>
      <c r="I3" s="146">
        <v>1</v>
      </c>
      <c r="J3" s="147">
        <v>2</v>
      </c>
      <c r="K3" s="147">
        <v>1</v>
      </c>
      <c r="L3" s="80">
        <v>30</v>
      </c>
      <c r="M3" s="144" t="s">
        <v>146</v>
      </c>
    </row>
    <row r="4" spans="1:13" ht="18.75" customHeight="1" x14ac:dyDescent="0.15">
      <c r="A4" s="1"/>
      <c r="B4" s="79"/>
      <c r="C4" s="145">
        <f t="shared" ref="C4:C31" ca="1" si="0">C3+1</f>
        <v>2026</v>
      </c>
      <c r="D4" s="145">
        <f ca="1">D3-1</f>
        <v>2022</v>
      </c>
      <c r="E4" s="145">
        <f t="shared" ref="E4:E67" ca="1" si="1">E3-1</f>
        <v>2022</v>
      </c>
      <c r="F4" s="145">
        <f ca="1">YEAR(TODAY())</f>
        <v>2024</v>
      </c>
      <c r="G4" s="146">
        <v>3</v>
      </c>
      <c r="H4" s="146">
        <v>3</v>
      </c>
      <c r="I4" s="146">
        <v>2</v>
      </c>
      <c r="J4" s="147">
        <v>3</v>
      </c>
      <c r="K4" s="147">
        <v>2</v>
      </c>
      <c r="L4" s="144">
        <v>45</v>
      </c>
    </row>
    <row r="5" spans="1:13" ht="18.75" customHeight="1" x14ac:dyDescent="0.15">
      <c r="A5" s="1"/>
      <c r="B5" s="79"/>
      <c r="C5" s="145">
        <f t="shared" ca="1" si="0"/>
        <v>2027</v>
      </c>
      <c r="D5" s="145">
        <f t="shared" ref="D5:D20" ca="1" si="2">D4-1</f>
        <v>2021</v>
      </c>
      <c r="E5" s="145">
        <f t="shared" ca="1" si="1"/>
        <v>2021</v>
      </c>
      <c r="F5" s="145">
        <f ca="1">F4-1</f>
        <v>2023</v>
      </c>
      <c r="G5" s="146">
        <v>4</v>
      </c>
      <c r="H5" s="146">
        <v>4</v>
      </c>
      <c r="I5" s="146">
        <v>3</v>
      </c>
      <c r="J5" s="147">
        <v>4</v>
      </c>
      <c r="K5" s="147">
        <v>3</v>
      </c>
      <c r="L5" s="144">
        <v>60</v>
      </c>
    </row>
    <row r="6" spans="1:13" ht="18.75" customHeight="1" x14ac:dyDescent="0.15">
      <c r="A6" s="1"/>
      <c r="B6" s="79"/>
      <c r="C6" s="145">
        <f t="shared" ca="1" si="0"/>
        <v>2028</v>
      </c>
      <c r="D6" s="145">
        <f t="shared" ca="1" si="2"/>
        <v>2020</v>
      </c>
      <c r="E6" s="145">
        <f t="shared" ca="1" si="1"/>
        <v>2020</v>
      </c>
      <c r="F6" s="145">
        <f t="shared" ref="F6:F55" ca="1" si="3">F5-1</f>
        <v>2022</v>
      </c>
      <c r="G6" s="146">
        <v>5</v>
      </c>
      <c r="H6" s="146">
        <v>5</v>
      </c>
      <c r="I6" s="146">
        <v>4</v>
      </c>
      <c r="J6" s="147">
        <v>5</v>
      </c>
      <c r="K6" s="147">
        <v>4</v>
      </c>
      <c r="L6" s="144">
        <v>75</v>
      </c>
    </row>
    <row r="7" spans="1:13" ht="18.75" customHeight="1" x14ac:dyDescent="0.15">
      <c r="A7" s="1"/>
      <c r="B7" s="79"/>
      <c r="C7" s="145">
        <f t="shared" ca="1" si="0"/>
        <v>2029</v>
      </c>
      <c r="D7" s="145">
        <f t="shared" ca="1" si="2"/>
        <v>2019</v>
      </c>
      <c r="E7" s="145">
        <f t="shared" ca="1" si="1"/>
        <v>2019</v>
      </c>
      <c r="F7" s="145">
        <f t="shared" ca="1" si="3"/>
        <v>2021</v>
      </c>
      <c r="G7" s="146">
        <v>6</v>
      </c>
      <c r="H7" s="146">
        <v>6</v>
      </c>
      <c r="I7" s="146">
        <v>5</v>
      </c>
      <c r="J7" s="147">
        <v>6</v>
      </c>
      <c r="K7" s="147">
        <v>5</v>
      </c>
      <c r="L7" s="144">
        <v>90</v>
      </c>
    </row>
    <row r="8" spans="1:13" ht="18.75" customHeight="1" x14ac:dyDescent="0.15">
      <c r="A8" s="1"/>
      <c r="B8" s="26"/>
      <c r="C8" s="145">
        <f t="shared" ca="1" si="0"/>
        <v>2030</v>
      </c>
      <c r="D8" s="145">
        <f t="shared" ca="1" si="2"/>
        <v>2018</v>
      </c>
      <c r="E8" s="145">
        <f t="shared" ca="1" si="1"/>
        <v>2018</v>
      </c>
      <c r="F8" s="145">
        <f t="shared" ca="1" si="3"/>
        <v>2020</v>
      </c>
      <c r="G8" s="146">
        <v>7</v>
      </c>
      <c r="H8" s="146">
        <v>7</v>
      </c>
      <c r="I8" s="146">
        <v>6</v>
      </c>
      <c r="J8" s="147">
        <v>7</v>
      </c>
      <c r="K8" s="147">
        <v>6</v>
      </c>
      <c r="L8" s="144">
        <v>105</v>
      </c>
    </row>
    <row r="9" spans="1:13" ht="18.75" customHeight="1" x14ac:dyDescent="0.15">
      <c r="A9" s="1"/>
      <c r="B9" s="79"/>
      <c r="C9" s="145">
        <f t="shared" ca="1" si="0"/>
        <v>2031</v>
      </c>
      <c r="D9" s="145">
        <f t="shared" ca="1" si="2"/>
        <v>2017</v>
      </c>
      <c r="E9" s="145">
        <f t="shared" ca="1" si="1"/>
        <v>2017</v>
      </c>
      <c r="F9" s="145">
        <f t="shared" ca="1" si="3"/>
        <v>2019</v>
      </c>
      <c r="G9" s="146">
        <v>8</v>
      </c>
      <c r="H9" s="146">
        <v>8</v>
      </c>
      <c r="I9" s="146">
        <v>7</v>
      </c>
      <c r="J9" s="147">
        <v>8</v>
      </c>
      <c r="K9" s="147">
        <v>7</v>
      </c>
      <c r="L9" s="144">
        <v>120</v>
      </c>
    </row>
    <row r="10" spans="1:13" ht="18.75" customHeight="1" x14ac:dyDescent="0.15">
      <c r="A10" s="1"/>
      <c r="B10" s="79"/>
      <c r="C10" s="145">
        <f t="shared" ca="1" si="0"/>
        <v>2032</v>
      </c>
      <c r="D10" s="145">
        <f t="shared" ca="1" si="2"/>
        <v>2016</v>
      </c>
      <c r="E10" s="145">
        <f t="shared" ca="1" si="1"/>
        <v>2016</v>
      </c>
      <c r="F10" s="145">
        <f t="shared" ca="1" si="3"/>
        <v>2018</v>
      </c>
      <c r="G10" s="146">
        <v>9</v>
      </c>
      <c r="H10" s="146">
        <v>9</v>
      </c>
      <c r="I10" s="146">
        <v>8</v>
      </c>
      <c r="J10" s="147">
        <v>9</v>
      </c>
      <c r="K10" s="147">
        <v>8</v>
      </c>
      <c r="L10" s="144">
        <v>135</v>
      </c>
    </row>
    <row r="11" spans="1:13" ht="18.75" customHeight="1" x14ac:dyDescent="0.15">
      <c r="A11" s="1"/>
      <c r="B11" s="79"/>
      <c r="C11" s="145">
        <f t="shared" ca="1" si="0"/>
        <v>2033</v>
      </c>
      <c r="D11" s="145">
        <f t="shared" ca="1" si="2"/>
        <v>2015</v>
      </c>
      <c r="E11" s="145">
        <f t="shared" ca="1" si="1"/>
        <v>2015</v>
      </c>
      <c r="F11" s="145">
        <f t="shared" ca="1" si="3"/>
        <v>2017</v>
      </c>
      <c r="G11" s="146">
        <v>10</v>
      </c>
      <c r="H11" s="146">
        <v>10</v>
      </c>
      <c r="I11" s="146">
        <v>9</v>
      </c>
      <c r="J11" s="147">
        <v>10</v>
      </c>
      <c r="K11" s="147">
        <v>9</v>
      </c>
      <c r="L11" s="144">
        <v>150</v>
      </c>
    </row>
    <row r="12" spans="1:13" ht="18.75" customHeight="1" x14ac:dyDescent="0.15">
      <c r="A12" s="1"/>
      <c r="B12" s="79"/>
      <c r="C12" s="145">
        <f t="shared" ca="1" si="0"/>
        <v>2034</v>
      </c>
      <c r="D12" s="145">
        <f t="shared" ca="1" si="2"/>
        <v>2014</v>
      </c>
      <c r="E12" s="145">
        <f t="shared" ca="1" si="1"/>
        <v>2014</v>
      </c>
      <c r="F12" s="145">
        <f t="shared" ca="1" si="3"/>
        <v>2016</v>
      </c>
      <c r="G12" s="146">
        <v>11</v>
      </c>
      <c r="H12" s="146">
        <v>11</v>
      </c>
      <c r="I12" s="146">
        <v>10</v>
      </c>
      <c r="J12" s="147">
        <v>11</v>
      </c>
      <c r="K12" s="147">
        <v>10</v>
      </c>
      <c r="L12" s="144">
        <v>165</v>
      </c>
    </row>
    <row r="13" spans="1:13" ht="18.75" customHeight="1" x14ac:dyDescent="0.15">
      <c r="A13" s="1"/>
      <c r="B13" s="79"/>
      <c r="C13" s="145">
        <f t="shared" ca="1" si="0"/>
        <v>2035</v>
      </c>
      <c r="D13" s="145">
        <f t="shared" ca="1" si="2"/>
        <v>2013</v>
      </c>
      <c r="E13" s="145">
        <f t="shared" ca="1" si="1"/>
        <v>2013</v>
      </c>
      <c r="F13" s="145">
        <f t="shared" ca="1" si="3"/>
        <v>2015</v>
      </c>
      <c r="G13" s="146">
        <v>12</v>
      </c>
      <c r="H13" s="146">
        <v>12</v>
      </c>
      <c r="I13" s="146">
        <v>11</v>
      </c>
      <c r="J13" s="147">
        <v>12</v>
      </c>
      <c r="K13" s="147">
        <v>11</v>
      </c>
      <c r="L13" s="144">
        <v>180</v>
      </c>
    </row>
    <row r="14" spans="1:13" ht="18.75" customHeight="1" x14ac:dyDescent="0.15">
      <c r="A14" s="1"/>
      <c r="B14" s="79"/>
      <c r="C14" s="145">
        <f t="shared" ca="1" si="0"/>
        <v>2036</v>
      </c>
      <c r="D14" s="145">
        <f t="shared" ca="1" si="2"/>
        <v>2012</v>
      </c>
      <c r="E14" s="145">
        <f t="shared" ca="1" si="1"/>
        <v>2012</v>
      </c>
      <c r="F14" s="145">
        <f t="shared" ca="1" si="3"/>
        <v>2014</v>
      </c>
      <c r="G14" s="147"/>
      <c r="H14" s="146">
        <v>13</v>
      </c>
      <c r="I14" s="146">
        <v>12</v>
      </c>
      <c r="J14" s="147">
        <v>13</v>
      </c>
      <c r="K14" s="147">
        <v>12</v>
      </c>
      <c r="L14" s="144">
        <v>195</v>
      </c>
    </row>
    <row r="15" spans="1:13" ht="18.75" customHeight="1" x14ac:dyDescent="0.15">
      <c r="A15" s="1"/>
      <c r="B15" s="79"/>
      <c r="C15" s="145">
        <f t="shared" ca="1" si="0"/>
        <v>2037</v>
      </c>
      <c r="D15" s="145">
        <f t="shared" ca="1" si="2"/>
        <v>2011</v>
      </c>
      <c r="E15" s="145">
        <f t="shared" ca="1" si="1"/>
        <v>2011</v>
      </c>
      <c r="F15" s="145">
        <f t="shared" ca="1" si="3"/>
        <v>2013</v>
      </c>
      <c r="G15" s="147"/>
      <c r="H15" s="146">
        <v>14</v>
      </c>
      <c r="I15" s="146">
        <v>13</v>
      </c>
      <c r="J15" s="147">
        <v>14</v>
      </c>
      <c r="K15" s="147">
        <v>13</v>
      </c>
      <c r="L15" s="144">
        <v>210</v>
      </c>
    </row>
    <row r="16" spans="1:13" ht="18.75" customHeight="1" x14ac:dyDescent="0.15">
      <c r="A16" s="1"/>
      <c r="B16" s="79"/>
      <c r="C16" s="145">
        <f t="shared" ca="1" si="0"/>
        <v>2038</v>
      </c>
      <c r="D16" s="145">
        <f t="shared" ca="1" si="2"/>
        <v>2010</v>
      </c>
      <c r="E16" s="145">
        <f t="shared" ca="1" si="1"/>
        <v>2010</v>
      </c>
      <c r="F16" s="145">
        <f t="shared" ca="1" si="3"/>
        <v>2012</v>
      </c>
      <c r="G16" s="147"/>
      <c r="H16" s="146">
        <v>15</v>
      </c>
      <c r="I16" s="146">
        <v>14</v>
      </c>
      <c r="J16" s="147">
        <v>15</v>
      </c>
      <c r="K16" s="147">
        <v>14</v>
      </c>
      <c r="L16" s="144">
        <v>225</v>
      </c>
    </row>
    <row r="17" spans="1:12" ht="18.75" customHeight="1" x14ac:dyDescent="0.15">
      <c r="A17" s="1"/>
      <c r="B17" s="79"/>
      <c r="C17" s="145">
        <f t="shared" ca="1" si="0"/>
        <v>2039</v>
      </c>
      <c r="D17" s="145">
        <f t="shared" ca="1" si="2"/>
        <v>2009</v>
      </c>
      <c r="E17" s="145">
        <f t="shared" ca="1" si="1"/>
        <v>2009</v>
      </c>
      <c r="F17" s="145">
        <f t="shared" ca="1" si="3"/>
        <v>2011</v>
      </c>
      <c r="G17" s="147"/>
      <c r="H17" s="146">
        <v>16</v>
      </c>
      <c r="I17" s="146">
        <v>15</v>
      </c>
      <c r="J17" s="147">
        <v>16</v>
      </c>
      <c r="K17" s="147">
        <v>15</v>
      </c>
      <c r="L17" s="144">
        <v>240</v>
      </c>
    </row>
    <row r="18" spans="1:12" ht="18.75" customHeight="1" x14ac:dyDescent="0.15">
      <c r="A18" s="1"/>
      <c r="B18" s="79"/>
      <c r="C18" s="145">
        <f t="shared" ca="1" si="0"/>
        <v>2040</v>
      </c>
      <c r="D18" s="145">
        <f t="shared" ca="1" si="2"/>
        <v>2008</v>
      </c>
      <c r="E18" s="145">
        <f t="shared" ca="1" si="1"/>
        <v>2008</v>
      </c>
      <c r="F18" s="145">
        <f t="shared" ca="1" si="3"/>
        <v>2010</v>
      </c>
      <c r="G18" s="147"/>
      <c r="H18" s="146">
        <v>17</v>
      </c>
      <c r="I18" s="146">
        <v>16</v>
      </c>
      <c r="J18" s="147">
        <v>17</v>
      </c>
      <c r="K18" s="147">
        <v>16</v>
      </c>
      <c r="L18" s="144">
        <v>255</v>
      </c>
    </row>
    <row r="19" spans="1:12" ht="18.75" customHeight="1" x14ac:dyDescent="0.15">
      <c r="A19" s="1"/>
      <c r="B19" s="79"/>
      <c r="C19" s="145">
        <f t="shared" ca="1" si="0"/>
        <v>2041</v>
      </c>
      <c r="D19" s="145">
        <f t="shared" ca="1" si="2"/>
        <v>2007</v>
      </c>
      <c r="E19" s="145">
        <f t="shared" ca="1" si="1"/>
        <v>2007</v>
      </c>
      <c r="F19" s="145">
        <f t="shared" ca="1" si="3"/>
        <v>2009</v>
      </c>
      <c r="G19" s="147"/>
      <c r="H19" s="146">
        <v>18</v>
      </c>
      <c r="I19" s="146">
        <v>17</v>
      </c>
      <c r="J19" s="147">
        <v>18</v>
      </c>
      <c r="K19" s="147">
        <v>17</v>
      </c>
      <c r="L19" s="144">
        <v>270</v>
      </c>
    </row>
    <row r="20" spans="1:12" ht="18.75" customHeight="1" x14ac:dyDescent="0.15">
      <c r="A20" s="1"/>
      <c r="B20" s="79"/>
      <c r="C20" s="145">
        <f t="shared" ca="1" si="0"/>
        <v>2042</v>
      </c>
      <c r="D20" s="145">
        <f t="shared" ca="1" si="2"/>
        <v>2006</v>
      </c>
      <c r="E20" s="145">
        <f t="shared" ca="1" si="1"/>
        <v>2006</v>
      </c>
      <c r="F20" s="145">
        <f t="shared" ca="1" si="3"/>
        <v>2008</v>
      </c>
      <c r="G20" s="147"/>
      <c r="H20" s="146">
        <v>19</v>
      </c>
      <c r="I20" s="146">
        <v>18</v>
      </c>
      <c r="J20" s="147">
        <v>19</v>
      </c>
      <c r="K20" s="147">
        <v>18</v>
      </c>
      <c r="L20" s="144">
        <v>285</v>
      </c>
    </row>
    <row r="21" spans="1:12" ht="18.75" customHeight="1" x14ac:dyDescent="0.15">
      <c r="A21" s="1"/>
      <c r="B21" s="79"/>
      <c r="C21" s="145">
        <f t="shared" ca="1" si="0"/>
        <v>2043</v>
      </c>
      <c r="D21" s="145"/>
      <c r="E21" s="145">
        <f t="shared" ca="1" si="1"/>
        <v>2005</v>
      </c>
      <c r="F21" s="145">
        <f t="shared" ca="1" si="3"/>
        <v>2007</v>
      </c>
      <c r="G21" s="147"/>
      <c r="H21" s="146">
        <v>20</v>
      </c>
      <c r="I21" s="146">
        <v>19</v>
      </c>
      <c r="J21" s="147">
        <v>20</v>
      </c>
      <c r="K21" s="147">
        <v>19</v>
      </c>
      <c r="L21" s="144">
        <v>300</v>
      </c>
    </row>
    <row r="22" spans="1:12" ht="18.75" customHeight="1" x14ac:dyDescent="0.15">
      <c r="A22" s="1"/>
      <c r="B22" s="79"/>
      <c r="C22" s="145">
        <f t="shared" ca="1" si="0"/>
        <v>2044</v>
      </c>
      <c r="D22" s="145"/>
      <c r="E22" s="145">
        <f t="shared" ca="1" si="1"/>
        <v>2004</v>
      </c>
      <c r="F22" s="145">
        <f t="shared" ca="1" si="3"/>
        <v>2006</v>
      </c>
      <c r="G22" s="147"/>
      <c r="H22" s="146">
        <v>21</v>
      </c>
      <c r="I22" s="146">
        <v>20</v>
      </c>
      <c r="J22" s="147">
        <v>21</v>
      </c>
      <c r="K22" s="147">
        <v>20</v>
      </c>
      <c r="L22" s="144">
        <v>315</v>
      </c>
    </row>
    <row r="23" spans="1:12" ht="18.75" customHeight="1" x14ac:dyDescent="0.15">
      <c r="A23" s="1"/>
      <c r="B23" s="79"/>
      <c r="C23" s="145">
        <f t="shared" ca="1" si="0"/>
        <v>2045</v>
      </c>
      <c r="D23" s="145"/>
      <c r="E23" s="145">
        <f t="shared" ca="1" si="1"/>
        <v>2003</v>
      </c>
      <c r="F23" s="145">
        <f t="shared" ca="1" si="3"/>
        <v>2005</v>
      </c>
      <c r="G23" s="147"/>
      <c r="H23" s="146">
        <v>22</v>
      </c>
      <c r="I23" s="146">
        <v>21</v>
      </c>
      <c r="J23" s="147">
        <v>22</v>
      </c>
      <c r="K23" s="147">
        <v>21</v>
      </c>
      <c r="L23" s="144">
        <v>330</v>
      </c>
    </row>
    <row r="24" spans="1:12" ht="18.75" customHeight="1" x14ac:dyDescent="0.15">
      <c r="A24" s="1"/>
      <c r="B24" s="79"/>
      <c r="C24" s="145">
        <f t="shared" ca="1" si="0"/>
        <v>2046</v>
      </c>
      <c r="D24" s="145"/>
      <c r="E24" s="145">
        <f t="shared" ca="1" si="1"/>
        <v>2002</v>
      </c>
      <c r="F24" s="145">
        <f t="shared" ca="1" si="3"/>
        <v>2004</v>
      </c>
      <c r="G24" s="147"/>
      <c r="H24" s="146">
        <v>23</v>
      </c>
      <c r="I24" s="146">
        <v>22</v>
      </c>
      <c r="J24" s="147">
        <v>23</v>
      </c>
      <c r="K24" s="147">
        <v>22</v>
      </c>
      <c r="L24" s="144">
        <v>345</v>
      </c>
    </row>
    <row r="25" spans="1:12" ht="18.75" customHeight="1" x14ac:dyDescent="0.15">
      <c r="A25" s="1"/>
      <c r="B25" s="79"/>
      <c r="C25" s="145">
        <f t="shared" ca="1" si="0"/>
        <v>2047</v>
      </c>
      <c r="D25" s="145"/>
      <c r="E25" s="145">
        <f t="shared" ca="1" si="1"/>
        <v>2001</v>
      </c>
      <c r="F25" s="145">
        <f t="shared" ca="1" si="3"/>
        <v>2003</v>
      </c>
      <c r="G25" s="147"/>
      <c r="H25" s="146">
        <v>24</v>
      </c>
      <c r="I25" s="146">
        <v>23</v>
      </c>
      <c r="J25" s="147">
        <v>24</v>
      </c>
      <c r="K25" s="147">
        <v>23</v>
      </c>
      <c r="L25" s="144">
        <v>360</v>
      </c>
    </row>
    <row r="26" spans="1:12" ht="18.75" customHeight="1" x14ac:dyDescent="0.15">
      <c r="A26" s="1"/>
      <c r="B26" s="79"/>
      <c r="C26" s="145">
        <f t="shared" ca="1" si="0"/>
        <v>2048</v>
      </c>
      <c r="D26" s="145"/>
      <c r="E26" s="145">
        <f t="shared" ca="1" si="1"/>
        <v>2000</v>
      </c>
      <c r="F26" s="145">
        <f t="shared" ca="1" si="3"/>
        <v>2002</v>
      </c>
      <c r="G26" s="147"/>
      <c r="H26" s="146">
        <v>25</v>
      </c>
      <c r="I26" s="146">
        <v>24</v>
      </c>
      <c r="J26" s="147">
        <v>25</v>
      </c>
      <c r="K26" s="147">
        <v>24</v>
      </c>
      <c r="L26" s="144">
        <v>375</v>
      </c>
    </row>
    <row r="27" spans="1:12" ht="18.75" customHeight="1" x14ac:dyDescent="0.15">
      <c r="A27" s="1"/>
      <c r="B27" s="79"/>
      <c r="C27" s="145">
        <f t="shared" ca="1" si="0"/>
        <v>2049</v>
      </c>
      <c r="D27" s="145"/>
      <c r="E27" s="145">
        <f t="shared" ca="1" si="1"/>
        <v>1999</v>
      </c>
      <c r="F27" s="145">
        <f t="shared" ca="1" si="3"/>
        <v>2001</v>
      </c>
      <c r="G27" s="147"/>
      <c r="H27" s="146">
        <v>26</v>
      </c>
      <c r="I27" s="147">
        <v>25</v>
      </c>
      <c r="J27" s="147">
        <v>26</v>
      </c>
      <c r="K27" s="147">
        <v>25</v>
      </c>
      <c r="L27" s="144">
        <v>390</v>
      </c>
    </row>
    <row r="28" spans="1:12" ht="18.75" customHeight="1" x14ac:dyDescent="0.15">
      <c r="A28" s="1"/>
      <c r="B28" s="79"/>
      <c r="C28" s="145">
        <f t="shared" ca="1" si="0"/>
        <v>2050</v>
      </c>
      <c r="D28" s="145"/>
      <c r="E28" s="145">
        <f t="shared" ca="1" si="1"/>
        <v>1998</v>
      </c>
      <c r="F28" s="145">
        <f t="shared" ca="1" si="3"/>
        <v>2000</v>
      </c>
      <c r="G28" s="147"/>
      <c r="H28" s="146">
        <v>27</v>
      </c>
      <c r="I28" s="147">
        <v>26</v>
      </c>
      <c r="J28" s="147">
        <v>27</v>
      </c>
      <c r="K28" s="147">
        <v>26</v>
      </c>
      <c r="L28" s="144">
        <v>405</v>
      </c>
    </row>
    <row r="29" spans="1:12" ht="18.75" customHeight="1" x14ac:dyDescent="0.15">
      <c r="A29" s="1"/>
      <c r="B29" s="79"/>
      <c r="C29" s="145">
        <f t="shared" ca="1" si="0"/>
        <v>2051</v>
      </c>
      <c r="D29" s="145"/>
      <c r="E29" s="145">
        <f t="shared" ca="1" si="1"/>
        <v>1997</v>
      </c>
      <c r="F29" s="145">
        <f t="shared" ca="1" si="3"/>
        <v>1999</v>
      </c>
      <c r="G29" s="147"/>
      <c r="H29" s="146">
        <v>28</v>
      </c>
      <c r="I29" s="147">
        <v>27</v>
      </c>
      <c r="J29" s="147">
        <v>28</v>
      </c>
      <c r="K29" s="147">
        <v>27</v>
      </c>
      <c r="L29" s="144">
        <v>420</v>
      </c>
    </row>
    <row r="30" spans="1:12" ht="18.75" customHeight="1" x14ac:dyDescent="0.15">
      <c r="A30" s="1"/>
      <c r="B30" s="79"/>
      <c r="C30" s="145">
        <f t="shared" ca="1" si="0"/>
        <v>2052</v>
      </c>
      <c r="D30" s="145"/>
      <c r="E30" s="145">
        <f t="shared" ca="1" si="1"/>
        <v>1996</v>
      </c>
      <c r="F30" s="145">
        <f t="shared" ca="1" si="3"/>
        <v>1998</v>
      </c>
      <c r="G30" s="147"/>
      <c r="H30" s="146">
        <v>29</v>
      </c>
      <c r="I30" s="147">
        <v>28</v>
      </c>
      <c r="J30" s="147">
        <v>29</v>
      </c>
      <c r="K30" s="147">
        <v>28</v>
      </c>
      <c r="L30" s="144">
        <v>435</v>
      </c>
    </row>
    <row r="31" spans="1:12" ht="18.75" customHeight="1" x14ac:dyDescent="0.15">
      <c r="A31" s="1"/>
      <c r="B31" s="79"/>
      <c r="C31" s="145">
        <f t="shared" ca="1" si="0"/>
        <v>2053</v>
      </c>
      <c r="D31" s="145"/>
      <c r="E31" s="145">
        <f t="shared" ca="1" si="1"/>
        <v>1995</v>
      </c>
      <c r="F31" s="145">
        <f t="shared" ca="1" si="3"/>
        <v>1997</v>
      </c>
      <c r="G31" s="147"/>
      <c r="H31" s="146">
        <v>30</v>
      </c>
      <c r="I31" s="147">
        <v>29</v>
      </c>
      <c r="J31" s="147">
        <v>30</v>
      </c>
      <c r="K31" s="147">
        <v>29</v>
      </c>
      <c r="L31" s="144">
        <v>450</v>
      </c>
    </row>
    <row r="32" spans="1:12" ht="18.75" customHeight="1" x14ac:dyDescent="0.15">
      <c r="A32" s="1"/>
      <c r="B32" s="1"/>
      <c r="C32" s="147"/>
      <c r="D32" s="145"/>
      <c r="E32" s="145">
        <f t="shared" ca="1" si="1"/>
        <v>1994</v>
      </c>
      <c r="F32" s="145">
        <f t="shared" ca="1" si="3"/>
        <v>1996</v>
      </c>
      <c r="G32" s="147"/>
      <c r="H32" s="146">
        <v>31</v>
      </c>
      <c r="I32" s="147"/>
      <c r="J32" s="147">
        <v>31</v>
      </c>
      <c r="K32" s="147">
        <v>30</v>
      </c>
      <c r="L32" s="144">
        <v>465</v>
      </c>
    </row>
    <row r="33" spans="3:12" ht="18.75" customHeight="1" x14ac:dyDescent="0.15">
      <c r="C33" s="147"/>
      <c r="D33" s="145"/>
      <c r="E33" s="145">
        <f t="shared" ca="1" si="1"/>
        <v>1993</v>
      </c>
      <c r="F33" s="145">
        <f t="shared" ca="1" si="3"/>
        <v>1995</v>
      </c>
      <c r="G33" s="147"/>
      <c r="H33" s="147"/>
      <c r="I33" s="147"/>
      <c r="J33" s="147">
        <v>32</v>
      </c>
      <c r="K33" s="147">
        <v>31</v>
      </c>
      <c r="L33" s="144">
        <v>480</v>
      </c>
    </row>
    <row r="34" spans="3:12" ht="18.75" customHeight="1" x14ac:dyDescent="0.15">
      <c r="C34" s="147"/>
      <c r="D34" s="145"/>
      <c r="E34" s="145">
        <f t="shared" ca="1" si="1"/>
        <v>1992</v>
      </c>
      <c r="F34" s="145">
        <f t="shared" ca="1" si="3"/>
        <v>1994</v>
      </c>
      <c r="G34" s="147"/>
      <c r="H34" s="147"/>
      <c r="I34" s="147"/>
      <c r="J34" s="147">
        <v>33</v>
      </c>
      <c r="K34" s="147">
        <v>32</v>
      </c>
      <c r="L34" s="144"/>
    </row>
    <row r="35" spans="3:12" ht="18.75" customHeight="1" x14ac:dyDescent="0.15">
      <c r="C35" s="147"/>
      <c r="D35" s="145"/>
      <c r="E35" s="145">
        <f t="shared" ca="1" si="1"/>
        <v>1991</v>
      </c>
      <c r="F35" s="145">
        <f t="shared" ca="1" si="3"/>
        <v>1993</v>
      </c>
      <c r="G35" s="147"/>
      <c r="H35" s="147"/>
      <c r="I35" s="147"/>
      <c r="J35" s="147">
        <v>34</v>
      </c>
      <c r="K35" s="147">
        <v>33</v>
      </c>
      <c r="L35" s="144"/>
    </row>
    <row r="36" spans="3:12" ht="18.75" customHeight="1" x14ac:dyDescent="0.15">
      <c r="C36" s="147"/>
      <c r="D36" s="145"/>
      <c r="E36" s="145">
        <f t="shared" ca="1" si="1"/>
        <v>1990</v>
      </c>
      <c r="F36" s="145">
        <f t="shared" ca="1" si="3"/>
        <v>1992</v>
      </c>
      <c r="G36" s="147"/>
      <c r="H36" s="147"/>
      <c r="I36" s="147"/>
      <c r="J36" s="147">
        <v>35</v>
      </c>
      <c r="K36" s="147">
        <v>34</v>
      </c>
      <c r="L36" s="144"/>
    </row>
    <row r="37" spans="3:12" ht="18.75" customHeight="1" x14ac:dyDescent="0.15">
      <c r="C37" s="147"/>
      <c r="D37" s="147"/>
      <c r="E37" s="145">
        <f t="shared" ca="1" si="1"/>
        <v>1989</v>
      </c>
      <c r="F37" s="145">
        <f t="shared" ca="1" si="3"/>
        <v>1991</v>
      </c>
      <c r="G37" s="147"/>
      <c r="H37" s="147"/>
      <c r="I37" s="147"/>
      <c r="J37" s="147">
        <v>36</v>
      </c>
      <c r="K37" s="147">
        <v>35</v>
      </c>
      <c r="L37" s="144"/>
    </row>
    <row r="38" spans="3:12" ht="18.75" customHeight="1" x14ac:dyDescent="0.15">
      <c r="C38" s="147"/>
      <c r="D38" s="147"/>
      <c r="E38" s="145">
        <f t="shared" ca="1" si="1"/>
        <v>1988</v>
      </c>
      <c r="F38" s="145">
        <f t="shared" ca="1" si="3"/>
        <v>1990</v>
      </c>
      <c r="G38" s="147"/>
      <c r="H38" s="147"/>
      <c r="I38" s="147"/>
      <c r="J38" s="147">
        <v>37</v>
      </c>
      <c r="K38" s="147">
        <v>36</v>
      </c>
      <c r="L38" s="144"/>
    </row>
    <row r="39" spans="3:12" ht="18.75" customHeight="1" x14ac:dyDescent="0.15">
      <c r="C39" s="147"/>
      <c r="D39" s="147"/>
      <c r="E39" s="145">
        <f t="shared" ca="1" si="1"/>
        <v>1987</v>
      </c>
      <c r="F39" s="145">
        <f t="shared" ca="1" si="3"/>
        <v>1989</v>
      </c>
      <c r="G39" s="147"/>
      <c r="H39" s="147"/>
      <c r="I39" s="147"/>
      <c r="J39" s="147">
        <v>38</v>
      </c>
      <c r="K39" s="147">
        <v>37</v>
      </c>
      <c r="L39" s="144"/>
    </row>
    <row r="40" spans="3:12" ht="18.75" customHeight="1" x14ac:dyDescent="0.15">
      <c r="C40" s="147"/>
      <c r="D40" s="147"/>
      <c r="E40" s="145">
        <f t="shared" ca="1" si="1"/>
        <v>1986</v>
      </c>
      <c r="F40" s="145">
        <f t="shared" ca="1" si="3"/>
        <v>1988</v>
      </c>
      <c r="G40" s="147"/>
      <c r="H40" s="147"/>
      <c r="I40" s="147"/>
      <c r="J40" s="147">
        <v>39</v>
      </c>
      <c r="K40" s="147">
        <v>38</v>
      </c>
      <c r="L40" s="144"/>
    </row>
    <row r="41" spans="3:12" ht="18.75" customHeight="1" x14ac:dyDescent="0.15">
      <c r="C41" s="147"/>
      <c r="D41" s="147"/>
      <c r="E41" s="145">
        <f t="shared" ca="1" si="1"/>
        <v>1985</v>
      </c>
      <c r="F41" s="145">
        <f t="shared" ca="1" si="3"/>
        <v>1987</v>
      </c>
      <c r="G41" s="147"/>
      <c r="H41" s="147"/>
      <c r="I41" s="147"/>
      <c r="J41" s="147">
        <v>40</v>
      </c>
      <c r="K41" s="147">
        <v>39</v>
      </c>
      <c r="L41" s="144"/>
    </row>
    <row r="42" spans="3:12" ht="18.75" customHeight="1" x14ac:dyDescent="0.15">
      <c r="C42" s="147"/>
      <c r="D42" s="147"/>
      <c r="E42" s="145">
        <f t="shared" ca="1" si="1"/>
        <v>1984</v>
      </c>
      <c r="F42" s="145">
        <f t="shared" ca="1" si="3"/>
        <v>1986</v>
      </c>
      <c r="G42" s="147"/>
      <c r="H42" s="147"/>
      <c r="I42" s="147"/>
      <c r="J42" s="147">
        <v>41</v>
      </c>
      <c r="K42" s="147">
        <v>40</v>
      </c>
      <c r="L42" s="144"/>
    </row>
    <row r="43" spans="3:12" ht="18.75" customHeight="1" x14ac:dyDescent="0.15">
      <c r="C43" s="147"/>
      <c r="D43" s="147"/>
      <c r="E43" s="145">
        <f t="shared" ca="1" si="1"/>
        <v>1983</v>
      </c>
      <c r="F43" s="145">
        <f t="shared" ca="1" si="3"/>
        <v>1985</v>
      </c>
      <c r="G43" s="147"/>
      <c r="H43" s="147"/>
      <c r="I43" s="147"/>
      <c r="J43" s="147">
        <v>42</v>
      </c>
      <c r="K43" s="147">
        <v>41</v>
      </c>
      <c r="L43" s="144"/>
    </row>
    <row r="44" spans="3:12" ht="18.75" customHeight="1" x14ac:dyDescent="0.15">
      <c r="C44" s="147"/>
      <c r="D44" s="147"/>
      <c r="E44" s="145">
        <f t="shared" ca="1" si="1"/>
        <v>1982</v>
      </c>
      <c r="F44" s="145">
        <f t="shared" ca="1" si="3"/>
        <v>1984</v>
      </c>
      <c r="G44" s="147"/>
      <c r="H44" s="147"/>
      <c r="I44" s="147"/>
      <c r="J44" s="147">
        <v>43</v>
      </c>
      <c r="K44" s="147">
        <v>42</v>
      </c>
      <c r="L44" s="144"/>
    </row>
    <row r="45" spans="3:12" ht="18.75" customHeight="1" x14ac:dyDescent="0.15">
      <c r="C45" s="147"/>
      <c r="D45" s="147"/>
      <c r="E45" s="145">
        <f t="shared" ca="1" si="1"/>
        <v>1981</v>
      </c>
      <c r="F45" s="145">
        <f t="shared" ca="1" si="3"/>
        <v>1983</v>
      </c>
      <c r="G45" s="147"/>
      <c r="H45" s="147"/>
      <c r="I45" s="147"/>
      <c r="J45" s="147">
        <v>44</v>
      </c>
      <c r="K45" s="147">
        <v>43</v>
      </c>
      <c r="L45" s="144"/>
    </row>
    <row r="46" spans="3:12" ht="18.75" customHeight="1" x14ac:dyDescent="0.15">
      <c r="C46" s="147"/>
      <c r="D46" s="147"/>
      <c r="E46" s="145">
        <f t="shared" ca="1" si="1"/>
        <v>1980</v>
      </c>
      <c r="F46" s="145">
        <f t="shared" ca="1" si="3"/>
        <v>1982</v>
      </c>
      <c r="G46" s="147"/>
      <c r="H46" s="147"/>
      <c r="I46" s="147"/>
      <c r="J46" s="147">
        <v>45</v>
      </c>
      <c r="K46" s="147">
        <v>44</v>
      </c>
      <c r="L46" s="144"/>
    </row>
    <row r="47" spans="3:12" ht="18.75" customHeight="1" x14ac:dyDescent="0.15">
      <c r="C47" s="147"/>
      <c r="D47" s="147"/>
      <c r="E47" s="145">
        <f t="shared" ca="1" si="1"/>
        <v>1979</v>
      </c>
      <c r="F47" s="145">
        <f t="shared" ca="1" si="3"/>
        <v>1981</v>
      </c>
      <c r="G47" s="147"/>
      <c r="H47" s="147"/>
      <c r="I47" s="147"/>
      <c r="J47" s="147">
        <v>46</v>
      </c>
      <c r="K47" s="147">
        <v>45</v>
      </c>
      <c r="L47" s="144"/>
    </row>
    <row r="48" spans="3:12" ht="18.75" customHeight="1" x14ac:dyDescent="0.15">
      <c r="C48" s="147"/>
      <c r="D48" s="147"/>
      <c r="E48" s="145">
        <f t="shared" ca="1" si="1"/>
        <v>1978</v>
      </c>
      <c r="F48" s="145">
        <f t="shared" ca="1" si="3"/>
        <v>1980</v>
      </c>
      <c r="G48" s="147"/>
      <c r="H48" s="147"/>
      <c r="I48" s="147"/>
      <c r="J48" s="147">
        <v>47</v>
      </c>
      <c r="K48" s="147">
        <v>46</v>
      </c>
      <c r="L48" s="144"/>
    </row>
    <row r="49" spans="3:12" ht="18.75" customHeight="1" x14ac:dyDescent="0.15">
      <c r="C49" s="147"/>
      <c r="D49" s="147"/>
      <c r="E49" s="145">
        <f t="shared" ca="1" si="1"/>
        <v>1977</v>
      </c>
      <c r="F49" s="145">
        <f t="shared" ca="1" si="3"/>
        <v>1979</v>
      </c>
      <c r="G49" s="147"/>
      <c r="H49" s="147"/>
      <c r="I49" s="147"/>
      <c r="J49" s="147">
        <v>48</v>
      </c>
      <c r="K49" s="147">
        <v>47</v>
      </c>
      <c r="L49" s="144"/>
    </row>
    <row r="50" spans="3:12" ht="18.75" customHeight="1" x14ac:dyDescent="0.15">
      <c r="C50" s="147"/>
      <c r="D50" s="147"/>
      <c r="E50" s="145">
        <f t="shared" ca="1" si="1"/>
        <v>1976</v>
      </c>
      <c r="F50" s="145">
        <f t="shared" ca="1" si="3"/>
        <v>1978</v>
      </c>
      <c r="G50" s="147"/>
      <c r="H50" s="147"/>
      <c r="I50" s="147"/>
      <c r="J50" s="147">
        <v>49</v>
      </c>
      <c r="K50" s="147">
        <v>48</v>
      </c>
      <c r="L50" s="144"/>
    </row>
    <row r="51" spans="3:12" ht="18.75" customHeight="1" x14ac:dyDescent="0.15">
      <c r="C51" s="147"/>
      <c r="D51" s="147"/>
      <c r="E51" s="145">
        <f t="shared" ca="1" si="1"/>
        <v>1975</v>
      </c>
      <c r="F51" s="145">
        <f t="shared" ca="1" si="3"/>
        <v>1977</v>
      </c>
      <c r="G51" s="147"/>
      <c r="H51" s="147"/>
      <c r="I51" s="147"/>
      <c r="J51" s="147">
        <v>50</v>
      </c>
      <c r="K51" s="147">
        <v>49</v>
      </c>
      <c r="L51" s="144"/>
    </row>
    <row r="52" spans="3:12" ht="18.75" customHeight="1" x14ac:dyDescent="0.15">
      <c r="C52" s="147"/>
      <c r="D52" s="147"/>
      <c r="E52" s="145">
        <f t="shared" ca="1" si="1"/>
        <v>1974</v>
      </c>
      <c r="F52" s="145">
        <f t="shared" ca="1" si="3"/>
        <v>1976</v>
      </c>
      <c r="G52" s="147"/>
      <c r="H52" s="147"/>
      <c r="I52" s="147"/>
      <c r="J52" s="147">
        <v>51</v>
      </c>
      <c r="K52" s="147">
        <v>50</v>
      </c>
      <c r="L52" s="144"/>
    </row>
    <row r="53" spans="3:12" ht="18.75" customHeight="1" x14ac:dyDescent="0.15">
      <c r="C53" s="147"/>
      <c r="D53" s="147"/>
      <c r="E53" s="145">
        <f t="shared" ca="1" si="1"/>
        <v>1973</v>
      </c>
      <c r="F53" s="145">
        <f t="shared" ca="1" si="3"/>
        <v>1975</v>
      </c>
      <c r="G53" s="147"/>
      <c r="H53" s="147"/>
      <c r="I53" s="147"/>
      <c r="J53" s="147">
        <v>52</v>
      </c>
      <c r="K53" s="147">
        <v>51</v>
      </c>
      <c r="L53" s="144"/>
    </row>
    <row r="54" spans="3:12" ht="18.75" customHeight="1" x14ac:dyDescent="0.15">
      <c r="C54" s="147"/>
      <c r="D54" s="147"/>
      <c r="E54" s="145">
        <f t="shared" ca="1" si="1"/>
        <v>1972</v>
      </c>
      <c r="F54" s="145">
        <f t="shared" ca="1" si="3"/>
        <v>1974</v>
      </c>
      <c r="G54" s="147"/>
      <c r="H54" s="147"/>
      <c r="I54" s="147"/>
      <c r="J54" s="147">
        <v>53</v>
      </c>
      <c r="K54" s="147">
        <v>52</v>
      </c>
      <c r="L54" s="144"/>
    </row>
    <row r="55" spans="3:12" ht="18.75" customHeight="1" x14ac:dyDescent="0.15">
      <c r="C55" s="147"/>
      <c r="D55" s="147"/>
      <c r="E55" s="145">
        <f t="shared" ca="1" si="1"/>
        <v>1971</v>
      </c>
      <c r="F55" s="145">
        <f t="shared" ca="1" si="3"/>
        <v>1973</v>
      </c>
      <c r="G55" s="147"/>
      <c r="H55" s="147"/>
      <c r="I55" s="147"/>
      <c r="J55" s="147">
        <v>54</v>
      </c>
      <c r="K55" s="147">
        <v>53</v>
      </c>
      <c r="L55" s="144"/>
    </row>
    <row r="56" spans="3:12" ht="18.75" customHeight="1" x14ac:dyDescent="0.15">
      <c r="C56" s="147"/>
      <c r="D56" s="147"/>
      <c r="E56" s="145">
        <f t="shared" ca="1" si="1"/>
        <v>1970</v>
      </c>
      <c r="F56" s="145"/>
      <c r="G56" s="147"/>
      <c r="H56" s="147"/>
      <c r="I56" s="147"/>
      <c r="J56" s="147">
        <v>55</v>
      </c>
      <c r="K56" s="147">
        <v>54</v>
      </c>
      <c r="L56" s="144"/>
    </row>
    <row r="57" spans="3:12" ht="18.75" customHeight="1" x14ac:dyDescent="0.15">
      <c r="C57" s="147"/>
      <c r="D57" s="147"/>
      <c r="E57" s="145">
        <f t="shared" ca="1" si="1"/>
        <v>1969</v>
      </c>
      <c r="F57" s="145"/>
      <c r="G57" s="147"/>
      <c r="H57" s="147"/>
      <c r="I57" s="147"/>
      <c r="J57" s="147">
        <v>56</v>
      </c>
      <c r="K57" s="147">
        <v>55</v>
      </c>
      <c r="L57" s="144"/>
    </row>
    <row r="58" spans="3:12" ht="18.75" customHeight="1" x14ac:dyDescent="0.15">
      <c r="C58" s="147"/>
      <c r="D58" s="147"/>
      <c r="E58" s="145">
        <f t="shared" ca="1" si="1"/>
        <v>1968</v>
      </c>
      <c r="F58" s="145"/>
      <c r="G58" s="147"/>
      <c r="H58" s="147"/>
      <c r="I58" s="147"/>
      <c r="J58" s="147">
        <v>57</v>
      </c>
      <c r="K58" s="147">
        <v>56</v>
      </c>
      <c r="L58" s="144"/>
    </row>
    <row r="59" spans="3:12" ht="18.75" customHeight="1" x14ac:dyDescent="0.15">
      <c r="C59" s="147"/>
      <c r="D59" s="147"/>
      <c r="E59" s="145">
        <f t="shared" ca="1" si="1"/>
        <v>1967</v>
      </c>
      <c r="F59" s="145"/>
      <c r="G59" s="147"/>
      <c r="H59" s="147"/>
      <c r="I59" s="147"/>
      <c r="J59" s="147">
        <v>58</v>
      </c>
      <c r="K59" s="147">
        <v>57</v>
      </c>
      <c r="L59" s="144"/>
    </row>
    <row r="60" spans="3:12" ht="18.75" customHeight="1" x14ac:dyDescent="0.15">
      <c r="C60" s="147"/>
      <c r="D60" s="147"/>
      <c r="E60" s="145">
        <f t="shared" ca="1" si="1"/>
        <v>1966</v>
      </c>
      <c r="F60" s="145"/>
      <c r="G60" s="147"/>
      <c r="H60" s="147"/>
      <c r="I60" s="147"/>
      <c r="J60" s="147">
        <v>59</v>
      </c>
      <c r="K60" s="147">
        <v>58</v>
      </c>
      <c r="L60" s="144"/>
    </row>
    <row r="61" spans="3:12" ht="18.75" customHeight="1" x14ac:dyDescent="0.15">
      <c r="C61" s="147"/>
      <c r="D61" s="147"/>
      <c r="E61" s="145">
        <f t="shared" ca="1" si="1"/>
        <v>1965</v>
      </c>
      <c r="F61" s="145"/>
      <c r="G61" s="147"/>
      <c r="H61" s="147"/>
      <c r="I61" s="147"/>
      <c r="J61" s="147">
        <v>60</v>
      </c>
      <c r="K61" s="147">
        <v>59</v>
      </c>
      <c r="L61" s="144"/>
    </row>
    <row r="62" spans="3:12" x14ac:dyDescent="0.15">
      <c r="C62" s="144"/>
      <c r="D62" s="144"/>
      <c r="E62" s="145">
        <f t="shared" ca="1" si="1"/>
        <v>1964</v>
      </c>
      <c r="F62" s="145"/>
      <c r="G62" s="144"/>
      <c r="H62" s="144"/>
      <c r="I62" s="147"/>
      <c r="J62" s="144"/>
      <c r="K62" s="144"/>
      <c r="L62" s="144"/>
    </row>
    <row r="63" spans="3:12" x14ac:dyDescent="0.15">
      <c r="C63" s="144"/>
      <c r="D63" s="144"/>
      <c r="E63" s="145">
        <f t="shared" ca="1" si="1"/>
        <v>1963</v>
      </c>
      <c r="F63" s="145"/>
      <c r="G63" s="144"/>
      <c r="H63" s="144"/>
      <c r="I63" s="144"/>
      <c r="J63" s="144"/>
      <c r="K63" s="144"/>
      <c r="L63" s="144"/>
    </row>
    <row r="64" spans="3:12" x14ac:dyDescent="0.15">
      <c r="C64" s="144"/>
      <c r="D64" s="144"/>
      <c r="E64" s="145">
        <f t="shared" ca="1" si="1"/>
        <v>1962</v>
      </c>
      <c r="F64" s="145"/>
      <c r="G64" s="144"/>
      <c r="H64" s="144"/>
      <c r="I64" s="144"/>
      <c r="J64" s="144"/>
      <c r="K64" s="144"/>
      <c r="L64" s="144"/>
    </row>
    <row r="65" spans="3:12" x14ac:dyDescent="0.15">
      <c r="C65" s="144"/>
      <c r="D65" s="144"/>
      <c r="E65" s="145">
        <f t="shared" ca="1" si="1"/>
        <v>1961</v>
      </c>
      <c r="F65" s="145"/>
      <c r="G65" s="144"/>
      <c r="H65" s="144"/>
      <c r="I65" s="144"/>
      <c r="J65" s="144"/>
      <c r="K65" s="144"/>
      <c r="L65" s="144"/>
    </row>
    <row r="66" spans="3:12" x14ac:dyDescent="0.15">
      <c r="C66" s="144"/>
      <c r="D66" s="144"/>
      <c r="E66" s="145">
        <f t="shared" ca="1" si="1"/>
        <v>1960</v>
      </c>
      <c r="F66" s="145"/>
      <c r="G66" s="144"/>
      <c r="H66" s="144"/>
      <c r="I66" s="144"/>
      <c r="J66" s="144"/>
      <c r="K66" s="144"/>
      <c r="L66" s="144"/>
    </row>
    <row r="67" spans="3:12" x14ac:dyDescent="0.15">
      <c r="C67" s="144"/>
      <c r="D67" s="144"/>
      <c r="E67" s="145">
        <f t="shared" ca="1" si="1"/>
        <v>1959</v>
      </c>
      <c r="F67" s="145"/>
      <c r="G67" s="144"/>
      <c r="H67" s="144"/>
      <c r="I67" s="144"/>
      <c r="J67" s="144"/>
      <c r="K67" s="144"/>
      <c r="L67" s="144"/>
    </row>
    <row r="68" spans="3:12" x14ac:dyDescent="0.15">
      <c r="C68" s="144"/>
      <c r="D68" s="144"/>
      <c r="E68" s="145">
        <f t="shared" ref="E68:E108" ca="1" si="4">E67-1</f>
        <v>1958</v>
      </c>
      <c r="F68" s="145"/>
      <c r="G68" s="144"/>
      <c r="H68" s="144"/>
      <c r="I68" s="144"/>
      <c r="J68" s="144"/>
      <c r="K68" s="144"/>
      <c r="L68" s="144"/>
    </row>
    <row r="69" spans="3:12" x14ac:dyDescent="0.15">
      <c r="C69" s="144"/>
      <c r="D69" s="144"/>
      <c r="E69" s="145">
        <f t="shared" ca="1" si="4"/>
        <v>1957</v>
      </c>
      <c r="F69" s="145"/>
      <c r="G69" s="144"/>
      <c r="H69" s="144"/>
      <c r="I69" s="144"/>
      <c r="J69" s="144"/>
      <c r="K69" s="144"/>
      <c r="L69" s="144"/>
    </row>
    <row r="70" spans="3:12" x14ac:dyDescent="0.15">
      <c r="C70" s="144"/>
      <c r="D70" s="144"/>
      <c r="E70" s="145">
        <f t="shared" ca="1" si="4"/>
        <v>1956</v>
      </c>
      <c r="F70" s="145"/>
      <c r="G70" s="144"/>
      <c r="H70" s="144"/>
      <c r="I70" s="144"/>
      <c r="J70" s="144"/>
      <c r="K70" s="144"/>
      <c r="L70" s="144"/>
    </row>
    <row r="71" spans="3:12" x14ac:dyDescent="0.15">
      <c r="C71" s="144"/>
      <c r="D71" s="144"/>
      <c r="E71" s="145">
        <f t="shared" ca="1" si="4"/>
        <v>1955</v>
      </c>
      <c r="F71" s="145"/>
      <c r="G71" s="144"/>
      <c r="H71" s="144"/>
      <c r="I71" s="144"/>
      <c r="J71" s="144"/>
      <c r="K71" s="144"/>
      <c r="L71" s="144"/>
    </row>
    <row r="72" spans="3:12" x14ac:dyDescent="0.15">
      <c r="C72" s="144"/>
      <c r="D72" s="144"/>
      <c r="E72" s="145">
        <f t="shared" ca="1" si="4"/>
        <v>1954</v>
      </c>
      <c r="F72" s="145"/>
      <c r="G72" s="144"/>
      <c r="H72" s="144"/>
      <c r="I72" s="144"/>
      <c r="J72" s="144"/>
      <c r="K72" s="144"/>
      <c r="L72" s="144"/>
    </row>
    <row r="73" spans="3:12" x14ac:dyDescent="0.15">
      <c r="C73" s="144"/>
      <c r="D73" s="144"/>
      <c r="E73" s="145">
        <f t="shared" ca="1" si="4"/>
        <v>1953</v>
      </c>
      <c r="F73" s="145"/>
      <c r="G73" s="144"/>
      <c r="H73" s="144"/>
      <c r="I73" s="144"/>
      <c r="J73" s="144"/>
      <c r="K73" s="144"/>
      <c r="L73" s="144"/>
    </row>
    <row r="74" spans="3:12" x14ac:dyDescent="0.15">
      <c r="C74" s="144"/>
      <c r="D74" s="144"/>
      <c r="E74" s="145">
        <f t="shared" ca="1" si="4"/>
        <v>1952</v>
      </c>
      <c r="F74" s="145"/>
      <c r="G74" s="144"/>
      <c r="H74" s="144"/>
      <c r="I74" s="144"/>
      <c r="J74" s="144"/>
      <c r="K74" s="144"/>
      <c r="L74" s="144"/>
    </row>
    <row r="75" spans="3:12" x14ac:dyDescent="0.15">
      <c r="C75" s="144"/>
      <c r="D75" s="144"/>
      <c r="E75" s="145">
        <f t="shared" ca="1" si="4"/>
        <v>1951</v>
      </c>
      <c r="F75" s="145"/>
      <c r="G75" s="144"/>
      <c r="H75" s="144"/>
      <c r="I75" s="144"/>
      <c r="J75" s="144"/>
      <c r="K75" s="144"/>
      <c r="L75" s="144"/>
    </row>
    <row r="76" spans="3:12" x14ac:dyDescent="0.15">
      <c r="C76" s="144"/>
      <c r="D76" s="144"/>
      <c r="E76" s="145">
        <f t="shared" ca="1" si="4"/>
        <v>1950</v>
      </c>
      <c r="F76" s="145"/>
      <c r="G76" s="144"/>
      <c r="H76" s="144"/>
      <c r="I76" s="144"/>
      <c r="J76" s="144"/>
      <c r="K76" s="144"/>
      <c r="L76" s="144"/>
    </row>
    <row r="77" spans="3:12" x14ac:dyDescent="0.15">
      <c r="C77" s="144"/>
      <c r="D77" s="144"/>
      <c r="E77" s="145">
        <f t="shared" ca="1" si="4"/>
        <v>1949</v>
      </c>
      <c r="F77" s="145"/>
      <c r="G77" s="144"/>
      <c r="H77" s="144"/>
      <c r="I77" s="144"/>
      <c r="J77" s="144"/>
      <c r="K77" s="144"/>
      <c r="L77" s="144"/>
    </row>
    <row r="78" spans="3:12" x14ac:dyDescent="0.15">
      <c r="C78" s="144"/>
      <c r="D78" s="144"/>
      <c r="E78" s="145">
        <f t="shared" ca="1" si="4"/>
        <v>1948</v>
      </c>
      <c r="F78" s="145"/>
      <c r="G78" s="144"/>
      <c r="H78" s="144"/>
      <c r="I78" s="144"/>
      <c r="J78" s="144"/>
      <c r="K78" s="144"/>
      <c r="L78" s="144"/>
    </row>
    <row r="79" spans="3:12" x14ac:dyDescent="0.15">
      <c r="C79" s="144"/>
      <c r="D79" s="144"/>
      <c r="E79" s="145">
        <f t="shared" ca="1" si="4"/>
        <v>1947</v>
      </c>
      <c r="F79" s="145"/>
      <c r="G79" s="144"/>
      <c r="H79" s="144"/>
      <c r="I79" s="144"/>
      <c r="J79" s="144"/>
      <c r="K79" s="144"/>
      <c r="L79" s="144"/>
    </row>
    <row r="80" spans="3:12" x14ac:dyDescent="0.15">
      <c r="C80" s="144"/>
      <c r="D80" s="144"/>
      <c r="E80" s="145">
        <f t="shared" ca="1" si="4"/>
        <v>1946</v>
      </c>
      <c r="F80" s="145"/>
      <c r="G80" s="144"/>
      <c r="H80" s="144"/>
      <c r="I80" s="144"/>
      <c r="J80" s="144"/>
      <c r="K80" s="144"/>
      <c r="L80" s="144"/>
    </row>
    <row r="81" spans="3:12" x14ac:dyDescent="0.15">
      <c r="C81" s="144"/>
      <c r="D81" s="144"/>
      <c r="E81" s="145">
        <f t="shared" ca="1" si="4"/>
        <v>1945</v>
      </c>
      <c r="F81" s="145"/>
      <c r="G81" s="144"/>
      <c r="H81" s="144"/>
      <c r="I81" s="144"/>
      <c r="J81" s="144"/>
      <c r="K81" s="144"/>
      <c r="L81" s="144"/>
    </row>
    <row r="82" spans="3:12" x14ac:dyDescent="0.15">
      <c r="C82" s="144"/>
      <c r="D82" s="144"/>
      <c r="E82" s="145">
        <f t="shared" ca="1" si="4"/>
        <v>1944</v>
      </c>
      <c r="F82" s="145"/>
      <c r="G82" s="144"/>
      <c r="H82" s="144"/>
      <c r="I82" s="144"/>
      <c r="J82" s="144"/>
      <c r="K82" s="144"/>
      <c r="L82" s="144"/>
    </row>
    <row r="83" spans="3:12" x14ac:dyDescent="0.15">
      <c r="C83" s="144"/>
      <c r="D83" s="144"/>
      <c r="E83" s="145">
        <f t="shared" ca="1" si="4"/>
        <v>1943</v>
      </c>
      <c r="F83" s="145"/>
      <c r="G83" s="144"/>
      <c r="H83" s="144"/>
      <c r="I83" s="144"/>
      <c r="J83" s="144"/>
      <c r="K83" s="144"/>
      <c r="L83" s="144"/>
    </row>
    <row r="84" spans="3:12" x14ac:dyDescent="0.15">
      <c r="C84" s="144"/>
      <c r="D84" s="144"/>
      <c r="E84" s="145">
        <f t="shared" ca="1" si="4"/>
        <v>1942</v>
      </c>
      <c r="F84" s="145"/>
      <c r="G84" s="144"/>
      <c r="H84" s="144"/>
      <c r="I84" s="144"/>
      <c r="J84" s="144"/>
      <c r="K84" s="144"/>
      <c r="L84" s="144"/>
    </row>
    <row r="85" spans="3:12" x14ac:dyDescent="0.15">
      <c r="C85" s="144"/>
      <c r="D85" s="144"/>
      <c r="E85" s="145">
        <f t="shared" ca="1" si="4"/>
        <v>1941</v>
      </c>
      <c r="F85" s="145"/>
      <c r="G85" s="144"/>
      <c r="H85" s="144"/>
      <c r="I85" s="144"/>
      <c r="J85" s="144"/>
      <c r="K85" s="144"/>
      <c r="L85" s="144"/>
    </row>
    <row r="86" spans="3:12" x14ac:dyDescent="0.15">
      <c r="C86" s="144"/>
      <c r="D86" s="144"/>
      <c r="E86" s="145">
        <f t="shared" ca="1" si="4"/>
        <v>1940</v>
      </c>
      <c r="F86" s="145"/>
      <c r="G86" s="144"/>
      <c r="H86" s="144"/>
      <c r="I86" s="144"/>
      <c r="J86" s="144"/>
      <c r="K86" s="144"/>
      <c r="L86" s="144"/>
    </row>
    <row r="87" spans="3:12" x14ac:dyDescent="0.15">
      <c r="C87" s="144"/>
      <c r="D87" s="144"/>
      <c r="E87" s="145">
        <f t="shared" ca="1" si="4"/>
        <v>1939</v>
      </c>
      <c r="F87" s="145"/>
      <c r="G87" s="144"/>
      <c r="H87" s="144"/>
      <c r="I87" s="144"/>
      <c r="J87" s="144"/>
      <c r="K87" s="144"/>
      <c r="L87" s="144"/>
    </row>
    <row r="88" spans="3:12" x14ac:dyDescent="0.15">
      <c r="C88" s="144"/>
      <c r="D88" s="144"/>
      <c r="E88" s="145">
        <f t="shared" ca="1" si="4"/>
        <v>1938</v>
      </c>
      <c r="F88" s="145"/>
      <c r="G88" s="144"/>
      <c r="H88" s="144"/>
      <c r="I88" s="144"/>
      <c r="J88" s="144"/>
      <c r="K88" s="144"/>
      <c r="L88" s="144"/>
    </row>
    <row r="89" spans="3:12" x14ac:dyDescent="0.15">
      <c r="C89" s="144"/>
      <c r="D89" s="144"/>
      <c r="E89" s="145">
        <f t="shared" ca="1" si="4"/>
        <v>1937</v>
      </c>
      <c r="F89" s="145"/>
      <c r="G89" s="144"/>
      <c r="H89" s="144"/>
      <c r="I89" s="144"/>
      <c r="J89" s="144"/>
      <c r="K89" s="144"/>
      <c r="L89" s="144"/>
    </row>
    <row r="90" spans="3:12" x14ac:dyDescent="0.15">
      <c r="C90" s="144"/>
      <c r="D90" s="144"/>
      <c r="E90" s="145">
        <f t="shared" ca="1" si="4"/>
        <v>1936</v>
      </c>
      <c r="F90" s="145"/>
      <c r="G90" s="144"/>
      <c r="H90" s="144"/>
      <c r="I90" s="144"/>
      <c r="J90" s="144"/>
      <c r="K90" s="144"/>
      <c r="L90" s="144"/>
    </row>
    <row r="91" spans="3:12" x14ac:dyDescent="0.15">
      <c r="C91" s="144"/>
      <c r="D91" s="144"/>
      <c r="E91" s="145">
        <f t="shared" ca="1" si="4"/>
        <v>1935</v>
      </c>
      <c r="F91" s="145"/>
      <c r="G91" s="144"/>
      <c r="H91" s="144"/>
      <c r="I91" s="144"/>
      <c r="J91" s="144"/>
      <c r="K91" s="144"/>
      <c r="L91" s="144"/>
    </row>
    <row r="92" spans="3:12" x14ac:dyDescent="0.15">
      <c r="C92" s="144"/>
      <c r="D92" s="144"/>
      <c r="E92" s="145">
        <f t="shared" ca="1" si="4"/>
        <v>1934</v>
      </c>
      <c r="F92" s="145"/>
      <c r="G92" s="144"/>
      <c r="H92" s="144"/>
      <c r="I92" s="144"/>
      <c r="J92" s="144"/>
      <c r="K92" s="144"/>
      <c r="L92" s="144"/>
    </row>
    <row r="93" spans="3:12" x14ac:dyDescent="0.15">
      <c r="C93" s="144"/>
      <c r="D93" s="144"/>
      <c r="E93" s="145">
        <f t="shared" ca="1" si="4"/>
        <v>1933</v>
      </c>
      <c r="F93" s="145"/>
      <c r="G93" s="144"/>
      <c r="H93" s="144"/>
      <c r="I93" s="144"/>
      <c r="J93" s="144"/>
      <c r="K93" s="144"/>
      <c r="L93" s="144"/>
    </row>
    <row r="94" spans="3:12" x14ac:dyDescent="0.15">
      <c r="C94" s="144"/>
      <c r="D94" s="144"/>
      <c r="E94" s="145">
        <f t="shared" ca="1" si="4"/>
        <v>1932</v>
      </c>
      <c r="F94" s="145"/>
      <c r="G94" s="144"/>
      <c r="H94" s="144"/>
      <c r="I94" s="144"/>
      <c r="J94" s="144"/>
      <c r="K94" s="144"/>
      <c r="L94" s="144"/>
    </row>
    <row r="95" spans="3:12" x14ac:dyDescent="0.15">
      <c r="C95" s="144"/>
      <c r="D95" s="144"/>
      <c r="E95" s="145">
        <f t="shared" ca="1" si="4"/>
        <v>1931</v>
      </c>
      <c r="F95" s="145"/>
      <c r="G95" s="144"/>
      <c r="H95" s="144"/>
      <c r="I95" s="144"/>
      <c r="J95" s="144"/>
      <c r="K95" s="144"/>
      <c r="L95" s="144"/>
    </row>
    <row r="96" spans="3:12" x14ac:dyDescent="0.15">
      <c r="C96" s="144"/>
      <c r="D96" s="144"/>
      <c r="E96" s="145">
        <f t="shared" ca="1" si="4"/>
        <v>1930</v>
      </c>
      <c r="F96" s="145"/>
      <c r="G96" s="144"/>
      <c r="H96" s="144"/>
      <c r="I96" s="144"/>
      <c r="J96" s="144"/>
      <c r="K96" s="144"/>
      <c r="L96" s="144"/>
    </row>
    <row r="97" spans="3:12" x14ac:dyDescent="0.15">
      <c r="C97" s="144"/>
      <c r="D97" s="144"/>
      <c r="E97" s="145">
        <f t="shared" ca="1" si="4"/>
        <v>1929</v>
      </c>
      <c r="F97" s="145"/>
      <c r="G97" s="144"/>
      <c r="H97" s="144"/>
      <c r="I97" s="144"/>
      <c r="J97" s="144"/>
      <c r="K97" s="144"/>
      <c r="L97" s="144"/>
    </row>
    <row r="98" spans="3:12" x14ac:dyDescent="0.15">
      <c r="C98" s="144"/>
      <c r="D98" s="144"/>
      <c r="E98" s="145">
        <f t="shared" ca="1" si="4"/>
        <v>1928</v>
      </c>
      <c r="F98" s="145"/>
      <c r="G98" s="144"/>
      <c r="H98" s="144"/>
      <c r="I98" s="144"/>
      <c r="J98" s="144"/>
      <c r="K98" s="144"/>
      <c r="L98" s="144"/>
    </row>
    <row r="99" spans="3:12" x14ac:dyDescent="0.15">
      <c r="C99" s="144"/>
      <c r="D99" s="144"/>
      <c r="E99" s="145">
        <f t="shared" ca="1" si="4"/>
        <v>1927</v>
      </c>
      <c r="F99" s="145"/>
      <c r="G99" s="144"/>
      <c r="H99" s="144"/>
      <c r="I99" s="144"/>
      <c r="J99" s="144"/>
      <c r="K99" s="144"/>
      <c r="L99" s="144"/>
    </row>
    <row r="100" spans="3:12" x14ac:dyDescent="0.15">
      <c r="C100" s="144"/>
      <c r="D100" s="144"/>
      <c r="E100" s="145">
        <f t="shared" ca="1" si="4"/>
        <v>1926</v>
      </c>
      <c r="F100" s="145"/>
      <c r="G100" s="144"/>
      <c r="H100" s="144"/>
      <c r="I100" s="144"/>
      <c r="J100" s="144"/>
      <c r="K100" s="144"/>
      <c r="L100" s="144"/>
    </row>
    <row r="101" spans="3:12" x14ac:dyDescent="0.15">
      <c r="C101" s="144"/>
      <c r="D101" s="144"/>
      <c r="E101" s="145">
        <f t="shared" ca="1" si="4"/>
        <v>1925</v>
      </c>
      <c r="F101" s="145"/>
      <c r="G101" s="144"/>
      <c r="H101" s="144"/>
      <c r="I101" s="144"/>
      <c r="J101" s="144"/>
      <c r="K101" s="144"/>
      <c r="L101" s="144"/>
    </row>
    <row r="102" spans="3:12" x14ac:dyDescent="0.15">
      <c r="C102" s="144"/>
      <c r="D102" s="144"/>
      <c r="E102" s="145">
        <f t="shared" ca="1" si="4"/>
        <v>1924</v>
      </c>
      <c r="F102" s="145"/>
      <c r="G102" s="144"/>
      <c r="H102" s="144"/>
      <c r="I102" s="144"/>
      <c r="J102" s="144"/>
      <c r="K102" s="144"/>
      <c r="L102" s="144"/>
    </row>
    <row r="103" spans="3:12" x14ac:dyDescent="0.15">
      <c r="E103" s="145">
        <f t="shared" ca="1" si="4"/>
        <v>1923</v>
      </c>
      <c r="F103" s="27"/>
    </row>
    <row r="104" spans="3:12" x14ac:dyDescent="0.15">
      <c r="E104" s="145">
        <f t="shared" ca="1" si="4"/>
        <v>1922</v>
      </c>
      <c r="F104" s="27"/>
    </row>
    <row r="105" spans="3:12" x14ac:dyDescent="0.15">
      <c r="E105" s="145">
        <f t="shared" ca="1" si="4"/>
        <v>1921</v>
      </c>
      <c r="F105" s="27"/>
    </row>
    <row r="106" spans="3:12" x14ac:dyDescent="0.15">
      <c r="E106" s="145">
        <f t="shared" ca="1" si="4"/>
        <v>1920</v>
      </c>
      <c r="F106" s="27"/>
    </row>
    <row r="107" spans="3:12" x14ac:dyDescent="0.15">
      <c r="E107" s="145">
        <f t="shared" ca="1" si="4"/>
        <v>1919</v>
      </c>
      <c r="F107" s="27"/>
    </row>
    <row r="108" spans="3:12" x14ac:dyDescent="0.15">
      <c r="E108" s="145">
        <f t="shared" ca="1" si="4"/>
        <v>1918</v>
      </c>
      <c r="F108" s="27"/>
    </row>
    <row r="109" spans="3:12" x14ac:dyDescent="0.15">
      <c r="E109" s="3"/>
      <c r="F109" s="3"/>
    </row>
    <row r="110" spans="3:12" x14ac:dyDescent="0.15">
      <c r="E110" s="3"/>
      <c r="F110" s="3"/>
    </row>
    <row r="111" spans="3:12" x14ac:dyDescent="0.15">
      <c r="E111" s="3"/>
      <c r="F111" s="3"/>
    </row>
    <row r="112" spans="3:12" x14ac:dyDescent="0.15">
      <c r="E112" s="3"/>
      <c r="F112" s="3"/>
    </row>
    <row r="113" spans="5:6" x14ac:dyDescent="0.15">
      <c r="E113" s="3"/>
      <c r="F113" s="3"/>
    </row>
    <row r="114" spans="5:6" x14ac:dyDescent="0.15">
      <c r="E114" s="3"/>
      <c r="F114" s="3"/>
    </row>
    <row r="115" spans="5:6" x14ac:dyDescent="0.15">
      <c r="E115" s="3"/>
      <c r="F115" s="3"/>
    </row>
    <row r="116" spans="5:6" x14ac:dyDescent="0.15">
      <c r="E116" s="3"/>
      <c r="F116" s="3"/>
    </row>
    <row r="117" spans="5:6" x14ac:dyDescent="0.15">
      <c r="E117" s="3"/>
      <c r="F117" s="3"/>
    </row>
    <row r="118" spans="5:6" x14ac:dyDescent="0.15">
      <c r="E118" s="3"/>
      <c r="F118" s="3"/>
    </row>
    <row r="119" spans="5:6" x14ac:dyDescent="0.15">
      <c r="E119" s="3"/>
      <c r="F119" s="3"/>
    </row>
    <row r="120" spans="5:6" x14ac:dyDescent="0.15">
      <c r="E120" s="3"/>
      <c r="F120" s="3"/>
    </row>
    <row r="121" spans="5:6" x14ac:dyDescent="0.15">
      <c r="E121" s="3"/>
      <c r="F121" s="3"/>
    </row>
    <row r="122" spans="5:6" x14ac:dyDescent="0.15">
      <c r="E122" s="3"/>
      <c r="F122" s="3"/>
    </row>
    <row r="123" spans="5:6" x14ac:dyDescent="0.15">
      <c r="E123" s="3"/>
      <c r="F123" s="3"/>
    </row>
  </sheetData>
  <phoneticPr fontId="2"/>
  <pageMargins left="0.7" right="0.7" top="0.75" bottom="0.75" header="0.3" footer="0.3"/>
  <pageSetup paperSize="9" scale="45"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E48"/>
  <sheetViews>
    <sheetView view="pageBreakPreview" zoomScaleNormal="100" zoomScaleSheetLayoutView="100" workbookViewId="0">
      <selection activeCell="C14" sqref="C14:D14"/>
    </sheetView>
  </sheetViews>
  <sheetFormatPr defaultColWidth="8.75" defaultRowHeight="12" x14ac:dyDescent="0.15"/>
  <cols>
    <col min="1" max="1" width="2.5" style="30" customWidth="1"/>
    <col min="2" max="2" width="19.5" style="30" customWidth="1"/>
    <col min="3" max="3" width="4.5" style="30" customWidth="1"/>
    <col min="4" max="4" width="18.5" style="30" customWidth="1"/>
    <col min="5" max="5" width="63.5" style="30" customWidth="1"/>
    <col min="6" max="16384" width="8.75" style="30"/>
  </cols>
  <sheetData>
    <row r="1" spans="1:5" ht="17.25" x14ac:dyDescent="0.15">
      <c r="A1" s="127" t="s">
        <v>147</v>
      </c>
      <c r="B1" s="374" t="s">
        <v>148</v>
      </c>
      <c r="C1" s="374"/>
      <c r="D1" s="374"/>
      <c r="E1" s="374"/>
    </row>
    <row r="2" spans="1:5" x14ac:dyDescent="0.15">
      <c r="A2" s="31"/>
      <c r="B2" s="31"/>
      <c r="C2" s="31"/>
      <c r="D2" s="31"/>
      <c r="E2" s="31"/>
    </row>
    <row r="3" spans="1:5" x14ac:dyDescent="0.15">
      <c r="A3" s="32" t="s">
        <v>149</v>
      </c>
      <c r="B3" s="33"/>
      <c r="C3" s="32"/>
      <c r="D3" s="32"/>
      <c r="E3" s="33"/>
    </row>
    <row r="4" spans="1:5" x14ac:dyDescent="0.15">
      <c r="B4" s="34"/>
      <c r="C4" s="34"/>
      <c r="D4" s="34"/>
    </row>
    <row r="5" spans="1:5" ht="35.1" customHeight="1" x14ac:dyDescent="0.15">
      <c r="B5" s="148" t="s">
        <v>150</v>
      </c>
      <c r="C5" s="81"/>
      <c r="D5" s="82"/>
      <c r="E5" s="149" t="s">
        <v>151</v>
      </c>
    </row>
    <row r="6" spans="1:5" ht="50.1" customHeight="1" x14ac:dyDescent="0.15">
      <c r="B6" s="148" t="s">
        <v>152</v>
      </c>
      <c r="C6" s="81"/>
      <c r="D6" s="82"/>
      <c r="E6" s="149" t="s">
        <v>153</v>
      </c>
    </row>
    <row r="7" spans="1:5" ht="69.95" customHeight="1" x14ac:dyDescent="0.15">
      <c r="B7" s="149" t="s">
        <v>8</v>
      </c>
      <c r="C7" s="81"/>
      <c r="D7" s="82"/>
      <c r="E7" s="149" t="s">
        <v>154</v>
      </c>
    </row>
    <row r="8" spans="1:5" ht="50.1" customHeight="1" x14ac:dyDescent="0.15">
      <c r="B8" s="149" t="s">
        <v>9</v>
      </c>
      <c r="C8" s="81"/>
      <c r="D8" s="82"/>
      <c r="E8" s="149" t="s">
        <v>155</v>
      </c>
    </row>
    <row r="9" spans="1:5" ht="20.100000000000001" customHeight="1" x14ac:dyDescent="0.15">
      <c r="B9" s="149" t="s">
        <v>156</v>
      </c>
      <c r="C9" s="83"/>
      <c r="D9" s="82"/>
      <c r="E9" s="149" t="s">
        <v>157</v>
      </c>
    </row>
    <row r="10" spans="1:5" ht="35.1" customHeight="1" x14ac:dyDescent="0.15">
      <c r="B10" s="149" t="s">
        <v>158</v>
      </c>
      <c r="C10" s="81"/>
      <c r="D10" s="82"/>
      <c r="E10" s="149" t="s">
        <v>159</v>
      </c>
    </row>
    <row r="11" spans="1:5" x14ac:dyDescent="0.15">
      <c r="B11" s="35"/>
    </row>
    <row r="12" spans="1:5" x14ac:dyDescent="0.15">
      <c r="A12" s="32" t="s">
        <v>160</v>
      </c>
      <c r="B12" s="33"/>
      <c r="C12" s="33"/>
      <c r="D12" s="33"/>
      <c r="E12" s="33"/>
    </row>
    <row r="13" spans="1:5" x14ac:dyDescent="0.15">
      <c r="A13" s="34"/>
    </row>
    <row r="14" spans="1:5" ht="50.1" customHeight="1" x14ac:dyDescent="0.15">
      <c r="A14" s="34"/>
      <c r="B14" s="150" t="s">
        <v>161</v>
      </c>
      <c r="C14" s="373" t="s">
        <v>19</v>
      </c>
      <c r="D14" s="373"/>
      <c r="E14" s="126" t="s">
        <v>162</v>
      </c>
    </row>
    <row r="15" spans="1:5" x14ac:dyDescent="0.15">
      <c r="B15" s="35"/>
    </row>
    <row r="16" spans="1:5" x14ac:dyDescent="0.15">
      <c r="A16" s="32" t="s">
        <v>163</v>
      </c>
      <c r="B16" s="33"/>
      <c r="C16" s="33"/>
      <c r="D16" s="33"/>
      <c r="E16" s="33"/>
    </row>
    <row r="17" spans="1:5" x14ac:dyDescent="0.15">
      <c r="A17" s="34"/>
    </row>
    <row r="18" spans="1:5" ht="20.100000000000001" customHeight="1" x14ac:dyDescent="0.15">
      <c r="A18" s="34"/>
      <c r="B18" s="375" t="s">
        <v>164</v>
      </c>
      <c r="C18" s="377" t="s">
        <v>165</v>
      </c>
      <c r="D18" s="377"/>
      <c r="E18" s="126" t="s">
        <v>166</v>
      </c>
    </row>
    <row r="19" spans="1:5" ht="35.1" customHeight="1" x14ac:dyDescent="0.15">
      <c r="B19" s="376"/>
      <c r="C19" s="377" t="s">
        <v>167</v>
      </c>
      <c r="D19" s="377"/>
      <c r="E19" s="126" t="s">
        <v>168</v>
      </c>
    </row>
    <row r="21" spans="1:5" x14ac:dyDescent="0.15">
      <c r="A21" s="32" t="s">
        <v>169</v>
      </c>
      <c r="B21" s="33"/>
      <c r="C21" s="33"/>
      <c r="D21" s="33"/>
      <c r="E21" s="33"/>
    </row>
    <row r="23" spans="1:5" ht="105" customHeight="1" x14ac:dyDescent="0.15">
      <c r="B23" s="126" t="s">
        <v>170</v>
      </c>
      <c r="C23" s="373" t="s">
        <v>171</v>
      </c>
      <c r="D23" s="373"/>
      <c r="E23" s="126" t="s">
        <v>172</v>
      </c>
    </row>
    <row r="24" spans="1:5" ht="35.1" customHeight="1" x14ac:dyDescent="0.15">
      <c r="B24" s="380" t="s">
        <v>173</v>
      </c>
      <c r="C24" s="382" t="s">
        <v>51</v>
      </c>
      <c r="D24" s="383"/>
      <c r="E24" s="39" t="s">
        <v>174</v>
      </c>
    </row>
    <row r="25" spans="1:5" ht="105" customHeight="1" x14ac:dyDescent="0.15">
      <c r="B25" s="381"/>
      <c r="C25" s="384"/>
      <c r="D25" s="385"/>
      <c r="E25" s="36" t="s">
        <v>175</v>
      </c>
    </row>
    <row r="26" spans="1:5" ht="180" customHeight="1" x14ac:dyDescent="0.15">
      <c r="B26" s="126" t="s">
        <v>176</v>
      </c>
      <c r="C26" s="372" t="s">
        <v>177</v>
      </c>
      <c r="D26" s="372"/>
      <c r="E26" s="126" t="s">
        <v>178</v>
      </c>
    </row>
    <row r="27" spans="1:5" ht="399.95" customHeight="1" x14ac:dyDescent="0.15">
      <c r="B27" s="386" t="s">
        <v>179</v>
      </c>
      <c r="C27" s="372" t="s">
        <v>180</v>
      </c>
      <c r="D27" s="373"/>
      <c r="E27" s="126" t="s">
        <v>181</v>
      </c>
    </row>
    <row r="28" spans="1:5" ht="380.1" customHeight="1" x14ac:dyDescent="0.15">
      <c r="B28" s="387"/>
      <c r="C28" s="372" t="s">
        <v>182</v>
      </c>
      <c r="D28" s="373"/>
      <c r="E28" s="126" t="s">
        <v>183</v>
      </c>
    </row>
    <row r="29" spans="1:5" ht="189.95" customHeight="1" x14ac:dyDescent="0.15">
      <c r="B29" s="126" t="s">
        <v>184</v>
      </c>
      <c r="C29" s="378" t="s">
        <v>185</v>
      </c>
      <c r="D29" s="379"/>
      <c r="E29" s="126" t="s">
        <v>186</v>
      </c>
    </row>
    <row r="30" spans="1:5" ht="105" customHeight="1" x14ac:dyDescent="0.15">
      <c r="B30" s="126" t="s">
        <v>187</v>
      </c>
      <c r="C30" s="372" t="s">
        <v>188</v>
      </c>
      <c r="D30" s="372"/>
      <c r="E30" s="126" t="s">
        <v>189</v>
      </c>
    </row>
    <row r="31" spans="1:5" ht="170.1" customHeight="1" x14ac:dyDescent="0.15">
      <c r="B31" s="126" t="s">
        <v>190</v>
      </c>
      <c r="C31" s="372" t="s">
        <v>191</v>
      </c>
      <c r="D31" s="372"/>
      <c r="E31" s="126" t="s">
        <v>192</v>
      </c>
    </row>
    <row r="32" spans="1:5" ht="150" customHeight="1" x14ac:dyDescent="0.15">
      <c r="B32" s="126" t="s">
        <v>193</v>
      </c>
      <c r="C32" s="388" t="s">
        <v>194</v>
      </c>
      <c r="D32" s="389"/>
      <c r="E32" s="149" t="s">
        <v>195</v>
      </c>
    </row>
    <row r="33" spans="1:5" ht="105" customHeight="1" x14ac:dyDescent="0.15">
      <c r="B33" s="126" t="s">
        <v>196</v>
      </c>
      <c r="C33" s="373" t="s">
        <v>197</v>
      </c>
      <c r="D33" s="373"/>
      <c r="E33" s="126" t="s">
        <v>198</v>
      </c>
    </row>
    <row r="34" spans="1:5" ht="150" customHeight="1" x14ac:dyDescent="0.15">
      <c r="B34" s="126" t="s">
        <v>199</v>
      </c>
      <c r="C34" s="388" t="s">
        <v>200</v>
      </c>
      <c r="D34" s="389"/>
      <c r="E34" s="151" t="s">
        <v>201</v>
      </c>
    </row>
    <row r="35" spans="1:5" x14ac:dyDescent="0.15">
      <c r="B35" s="35"/>
      <c r="E35" s="35"/>
    </row>
    <row r="36" spans="1:5" x14ac:dyDescent="0.15">
      <c r="A36" s="32" t="s">
        <v>202</v>
      </c>
      <c r="B36" s="37"/>
      <c r="C36" s="33"/>
      <c r="D36" s="33"/>
      <c r="E36" s="37"/>
    </row>
    <row r="37" spans="1:5" x14ac:dyDescent="0.15">
      <c r="B37" s="35"/>
      <c r="E37" s="35"/>
    </row>
    <row r="38" spans="1:5" ht="69.95" customHeight="1" x14ac:dyDescent="0.15">
      <c r="B38" s="126" t="s">
        <v>203</v>
      </c>
      <c r="C38" s="372" t="s">
        <v>204</v>
      </c>
      <c r="D38" s="373"/>
      <c r="E38" s="126" t="s">
        <v>205</v>
      </c>
    </row>
    <row r="39" spans="1:5" x14ac:dyDescent="0.15">
      <c r="B39" s="35"/>
      <c r="E39" s="38"/>
    </row>
    <row r="40" spans="1:5" x14ac:dyDescent="0.15">
      <c r="B40" s="35"/>
      <c r="E40" s="35"/>
    </row>
    <row r="41" spans="1:5" x14ac:dyDescent="0.15">
      <c r="A41" s="32" t="s">
        <v>206</v>
      </c>
      <c r="B41" s="37"/>
      <c r="C41" s="33"/>
      <c r="D41" s="37"/>
      <c r="E41" s="37"/>
    </row>
    <row r="42" spans="1:5" x14ac:dyDescent="0.15">
      <c r="B42" s="35"/>
      <c r="D42" s="35"/>
      <c r="E42" s="35"/>
    </row>
    <row r="43" spans="1:5" ht="112.5" customHeight="1" x14ac:dyDescent="0.15">
      <c r="B43" s="126" t="s">
        <v>207</v>
      </c>
      <c r="C43" s="372" t="s">
        <v>208</v>
      </c>
      <c r="D43" s="373"/>
      <c r="E43" s="126" t="s">
        <v>209</v>
      </c>
    </row>
    <row r="44" spans="1:5" ht="112.5" customHeight="1" x14ac:dyDescent="0.15">
      <c r="B44" s="126" t="s">
        <v>210</v>
      </c>
      <c r="C44" s="372" t="s">
        <v>211</v>
      </c>
      <c r="D44" s="373"/>
      <c r="E44" s="126" t="s">
        <v>212</v>
      </c>
    </row>
    <row r="45" spans="1:5" x14ac:dyDescent="0.15">
      <c r="B45" s="126" t="s">
        <v>213</v>
      </c>
      <c r="C45" s="372" t="s">
        <v>128</v>
      </c>
      <c r="D45" s="373"/>
      <c r="E45" s="126" t="s">
        <v>214</v>
      </c>
    </row>
    <row r="46" spans="1:5" ht="36" x14ac:dyDescent="0.15">
      <c r="B46" s="126" t="s">
        <v>215</v>
      </c>
      <c r="C46" s="372" t="s">
        <v>129</v>
      </c>
      <c r="D46" s="373"/>
      <c r="E46" s="126" t="s">
        <v>216</v>
      </c>
    </row>
    <row r="47" spans="1:5" ht="159.94999999999999" customHeight="1" x14ac:dyDescent="0.15">
      <c r="B47" s="126" t="s">
        <v>217</v>
      </c>
      <c r="C47" s="372" t="s">
        <v>130</v>
      </c>
      <c r="D47" s="373"/>
      <c r="E47" s="126" t="s">
        <v>218</v>
      </c>
    </row>
    <row r="48" spans="1:5" ht="50.25" customHeight="1" x14ac:dyDescent="0.15">
      <c r="B48" s="126" t="s">
        <v>219</v>
      </c>
      <c r="C48" s="372" t="s">
        <v>131</v>
      </c>
      <c r="D48" s="373"/>
      <c r="E48" s="126" t="s">
        <v>220</v>
      </c>
    </row>
  </sheetData>
  <mergeCells count="25">
    <mergeCell ref="C48:D48"/>
    <mergeCell ref="B24:B25"/>
    <mergeCell ref="C24:D25"/>
    <mergeCell ref="C26:D26"/>
    <mergeCell ref="B27:B28"/>
    <mergeCell ref="C27:D27"/>
    <mergeCell ref="C28:D28"/>
    <mergeCell ref="C43:D43"/>
    <mergeCell ref="C44:D44"/>
    <mergeCell ref="C45:D45"/>
    <mergeCell ref="C46:D46"/>
    <mergeCell ref="C30:D30"/>
    <mergeCell ref="C31:D31"/>
    <mergeCell ref="C32:D32"/>
    <mergeCell ref="C33:D33"/>
    <mergeCell ref="C34:D34"/>
    <mergeCell ref="C38:D38"/>
    <mergeCell ref="C47:D47"/>
    <mergeCell ref="C23:D23"/>
    <mergeCell ref="B1:E1"/>
    <mergeCell ref="C14:D14"/>
    <mergeCell ref="B18:B19"/>
    <mergeCell ref="C18:D18"/>
    <mergeCell ref="C19:D19"/>
    <mergeCell ref="C29:D29"/>
  </mergeCells>
  <phoneticPr fontId="2"/>
  <hyperlinks>
    <hyperlink ref="A1" location="標準的な様式!A1" display="戻"/>
  </hyperlinks>
  <pageMargins left="0.7" right="0.7" top="0.75" bottom="0.75" header="0.3" footer="0.3"/>
  <pageSetup paperSize="9" scale="73" orientation="portrait" r:id="rId1"/>
  <rowBreaks count="1" manualBreakCount="1">
    <brk id="29" max="4"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7EBCD71E07457443AC31B133D42A0E34" ma:contentTypeVersion="14" ma:contentTypeDescription="新しいドキュメントを作成します。" ma:contentTypeScope="" ma:versionID="70125e4ab781043c60287bd4630e30c7">
  <xsd:schema xmlns:xsd="http://www.w3.org/2001/XMLSchema" xmlns:xs="http://www.w3.org/2001/XMLSchema" xmlns:p="http://schemas.microsoft.com/office/2006/metadata/properties" xmlns:ns2="c3f0207d-d5d6-4a52-92a4-56fc7d67dfb8" xmlns:ns3="6af4509c-bf81-477d-8d78-d92db982eff6" targetNamespace="http://schemas.microsoft.com/office/2006/metadata/properties" ma:root="true" ma:fieldsID="736e61c6c205ab5e4d7ea0d39b507572" ns2:_="" ns3:_="">
    <xsd:import namespace="c3f0207d-d5d6-4a52-92a4-56fc7d67dfb8"/>
    <xsd:import namespace="6af4509c-bf81-477d-8d78-d92db982eff6"/>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f0207d-d5d6-4a52-92a4-56fc7d67dfb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1"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6af4509c-bf81-477d-8d78-d92db982eff6"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ab13b757-a03a-4e10-8ca8-0508a9c35e93}" ma:internalName="TaxCatchAll" ma:showField="CatchAllData" ma:web="6af4509c-bf81-477d-8d78-d92db982eff6">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TaxCatchAll xmlns="6af4509c-bf81-477d-8d78-d92db982eff6" xsi:nil="true"/>
    <lcf76f155ced4ddcb4097134ff3c332f xmlns="c3f0207d-d5d6-4a52-92a4-56fc7d67dfb8">
      <Terms xmlns="http://schemas.microsoft.com/office/infopath/2007/PartnerControls"/>
    </lcf76f155ced4ddcb4097134ff3c332f>
    <SharedWithUsers xmlns="6af4509c-bf81-477d-8d78-d92db982eff6">
      <UserInfo>
        <DisplayName/>
        <AccountId xsi:nil="true"/>
        <AccountType/>
      </UserInfo>
    </SharedWithUsers>
    <MediaLengthInSeconds xmlns="c3f0207d-d5d6-4a52-92a4-56fc7d67dfb8"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524F8CA-A2D0-4C47-8842-F87C33B7FA9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3f0207d-d5d6-4a52-92a4-56fc7d67dfb8"/>
    <ds:schemaRef ds:uri="6af4509c-bf81-477d-8d78-d92db982eff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79A5062-3E92-41AD-9159-833629BDFE73}">
  <ds:schemaRefs>
    <ds:schemaRef ds:uri="http://schemas.microsoft.com/office/2006/documentManagement/types"/>
    <ds:schemaRef ds:uri="http://schemas.microsoft.com/office/infopath/2007/PartnerControls"/>
    <ds:schemaRef ds:uri="http://purl.org/dc/elements/1.1/"/>
    <ds:schemaRef ds:uri="http://schemas.microsoft.com/office/2006/metadata/properties"/>
    <ds:schemaRef ds:uri="c3f0207d-d5d6-4a52-92a4-56fc7d67dfb8"/>
    <ds:schemaRef ds:uri="6af4509c-bf81-477d-8d78-d92db982eff6"/>
    <ds:schemaRef ds:uri="http://purl.org/dc/terms/"/>
    <ds:schemaRef ds:uri="http://schemas.openxmlformats.org/package/2006/metadata/core-properties"/>
    <ds:schemaRef ds:uri="http://www.w3.org/XML/1998/namespace"/>
    <ds:schemaRef ds:uri="http://purl.org/dc/dcmitype/"/>
  </ds:schemaRefs>
</ds:datastoreItem>
</file>

<file path=customXml/itemProps3.xml><?xml version="1.0" encoding="utf-8"?>
<ds:datastoreItem xmlns:ds="http://schemas.openxmlformats.org/officeDocument/2006/customXml" ds:itemID="{AED5D762-8B30-42AB-9A98-B035B42401CC}">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標準的な様式</vt:lpstr>
      <vt:lpstr>プルダウンリスト</vt:lpstr>
      <vt:lpstr>記載要領</vt:lpstr>
      <vt:lpstr>プルダウンリスト!Print_Area</vt:lpstr>
      <vt:lpstr>記載要領!Print_Area</vt:lpstr>
      <vt:lpstr>標準的な様式!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Administrator</cp:lastModifiedBy>
  <cp:revision/>
  <cp:lastPrinted>2024-09-24T00:02:26Z</cp:lastPrinted>
  <dcterms:created xsi:type="dcterms:W3CDTF">2010-08-24T08:00:05Z</dcterms:created>
  <dcterms:modified xsi:type="dcterms:W3CDTF">2024-10-23T01:59:1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EBCD71E07457443AC31B133D42A0E34</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